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2(R4)\02完了分\第2章 人口\01公表用\"/>
    </mc:Choice>
  </mc:AlternateContent>
  <xr:revisionPtr revIDLastSave="0" documentId="13_ncr:1_{11103E91-0576-439E-9575-621D3105A69F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2．１５歳以上就業者及び通学者の異動状況" sheetId="1" r:id="rId1"/>
  </sheets>
  <definedNames>
    <definedName name="_xlnm.Print_Area" localSheetId="0">'12．１５歳以上就業者及び通学者の異動状況'!$A$1:$AG$52</definedName>
    <definedName name="_xlnm.Print_Titles" localSheetId="0">'12．１５歳以上就業者及び通学者の異動状況'!$A:$C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4" uniqueCount="44">
  <si>
    <t>１２．１５歳以上就業者及び通学者の移動状況</t>
    <rPh sb="5" eb="6">
      <t>サイ</t>
    </rPh>
    <rPh sb="6" eb="8">
      <t>イジョウ</t>
    </rPh>
    <rPh sb="8" eb="11">
      <t>シュウギョウシャ</t>
    </rPh>
    <rPh sb="11" eb="12">
      <t>オヨ</t>
    </rPh>
    <rPh sb="13" eb="15">
      <t>ツウガク</t>
    </rPh>
    <rPh sb="15" eb="16">
      <t>シャ</t>
    </rPh>
    <rPh sb="17" eb="19">
      <t>イドウ</t>
    </rPh>
    <rPh sb="19" eb="21">
      <t>ジョウキョウ</t>
    </rPh>
    <phoneticPr fontId="3"/>
  </si>
  <si>
    <t>資料：国勢調査</t>
    <rPh sb="0" eb="2">
      <t>シリョウ</t>
    </rPh>
    <rPh sb="3" eb="5">
      <t>コクセイ</t>
    </rPh>
    <rPh sb="5" eb="7">
      <t>チョウサ</t>
    </rPh>
    <phoneticPr fontId="3"/>
  </si>
  <si>
    <t>（単位:人）</t>
    <rPh sb="1" eb="3">
      <t>タンイ</t>
    </rPh>
    <rPh sb="4" eb="5">
      <t>ニン</t>
    </rPh>
    <phoneticPr fontId="3"/>
  </si>
  <si>
    <t>昭和50年</t>
    <rPh sb="0" eb="2">
      <t>ｓ</t>
    </rPh>
    <rPh sb="4" eb="5">
      <t>ネン</t>
    </rPh>
    <phoneticPr fontId="2"/>
  </si>
  <si>
    <t>昭和55年</t>
    <rPh sb="0" eb="2">
      <t>ｓ</t>
    </rPh>
    <rPh sb="4" eb="5">
      <t>ネン</t>
    </rPh>
    <phoneticPr fontId="2"/>
  </si>
  <si>
    <t>昭和60年</t>
    <rPh sb="0" eb="2">
      <t>ｓ</t>
    </rPh>
    <rPh sb="4" eb="5">
      <t>ネン</t>
    </rPh>
    <phoneticPr fontId="2"/>
  </si>
  <si>
    <t>平成2年</t>
    <rPh sb="0" eb="2">
      <t>ｈ</t>
    </rPh>
    <rPh sb="3" eb="4">
      <t>ネン</t>
    </rPh>
    <phoneticPr fontId="2"/>
  </si>
  <si>
    <t>平成7年</t>
    <rPh sb="0" eb="2">
      <t>ｈ</t>
    </rPh>
    <rPh sb="3" eb="4">
      <t>ネン</t>
    </rPh>
    <phoneticPr fontId="2"/>
  </si>
  <si>
    <t>平成12年</t>
    <rPh sb="0" eb="2">
      <t>ｈ</t>
    </rPh>
    <rPh sb="4" eb="5">
      <t>ネン</t>
    </rPh>
    <phoneticPr fontId="2"/>
  </si>
  <si>
    <t>平成17年</t>
    <rPh sb="0" eb="2">
      <t>ｈ</t>
    </rPh>
    <rPh sb="4" eb="5">
      <t>ネン</t>
    </rPh>
    <phoneticPr fontId="2"/>
  </si>
  <si>
    <t>平成22年</t>
    <rPh sb="0" eb="2">
      <t>ｈ</t>
    </rPh>
    <rPh sb="4" eb="5">
      <t>ネン</t>
    </rPh>
    <phoneticPr fontId="2"/>
  </si>
  <si>
    <t>平成27年</t>
    <rPh sb="0" eb="2">
      <t>ｈ</t>
    </rPh>
    <rPh sb="4" eb="5">
      <t>ネン</t>
    </rPh>
    <phoneticPr fontId="2"/>
  </si>
  <si>
    <t>総数</t>
    <rPh sb="0" eb="2">
      <t>ソウスウ</t>
    </rPh>
    <phoneticPr fontId="3"/>
  </si>
  <si>
    <t>就業者</t>
    <rPh sb="0" eb="3">
      <t>シュウギョウシャ</t>
    </rPh>
    <phoneticPr fontId="3"/>
  </si>
  <si>
    <t>通学者</t>
    <rPh sb="0" eb="3">
      <t>ツウガクシャシャ</t>
    </rPh>
    <phoneticPr fontId="3"/>
  </si>
  <si>
    <t>石狩市内</t>
    <phoneticPr fontId="2"/>
  </si>
  <si>
    <t>計</t>
    <rPh sb="0" eb="1">
      <t>ケイ</t>
    </rPh>
    <phoneticPr fontId="2"/>
  </si>
  <si>
    <t>自宅</t>
    <rPh sb="0" eb="2">
      <t>ジタク</t>
    </rPh>
    <phoneticPr fontId="3"/>
  </si>
  <si>
    <t>-</t>
    <phoneticPr fontId="3"/>
  </si>
  <si>
    <t>自宅外</t>
    <rPh sb="0" eb="2">
      <t>ジタク</t>
    </rPh>
    <rPh sb="2" eb="3">
      <t>ガイ</t>
    </rPh>
    <phoneticPr fontId="3"/>
  </si>
  <si>
    <t>石狩市→他市区町村</t>
    <rPh sb="0" eb="3">
      <t>イ</t>
    </rPh>
    <rPh sb="4" eb="5">
      <t>タ</t>
    </rPh>
    <rPh sb="5" eb="7">
      <t>シク</t>
    </rPh>
    <rPh sb="7" eb="9">
      <t>チョウソン</t>
    </rPh>
    <phoneticPr fontId="2"/>
  </si>
  <si>
    <t>札幌市</t>
    <rPh sb="2" eb="3">
      <t>シ</t>
    </rPh>
    <phoneticPr fontId="3"/>
  </si>
  <si>
    <t>中央区</t>
    <rPh sb="2" eb="3">
      <t>ク</t>
    </rPh>
    <phoneticPr fontId="3"/>
  </si>
  <si>
    <t>北区</t>
    <phoneticPr fontId="3"/>
  </si>
  <si>
    <t>東区</t>
    <rPh sb="0" eb="1">
      <t>ヒガシ</t>
    </rPh>
    <rPh sb="1" eb="2">
      <t>ク</t>
    </rPh>
    <phoneticPr fontId="3"/>
  </si>
  <si>
    <t>白石区</t>
    <rPh sb="2" eb="3">
      <t>ク</t>
    </rPh>
    <phoneticPr fontId="3"/>
  </si>
  <si>
    <t>豊平区</t>
    <rPh sb="2" eb="3">
      <t>ク</t>
    </rPh>
    <phoneticPr fontId="3"/>
  </si>
  <si>
    <t>南区</t>
    <rPh sb="0" eb="1">
      <t>ミナミ</t>
    </rPh>
    <rPh sb="1" eb="2">
      <t>ク</t>
    </rPh>
    <phoneticPr fontId="3"/>
  </si>
  <si>
    <t>西区</t>
    <rPh sb="0" eb="1">
      <t>ニシ</t>
    </rPh>
    <rPh sb="1" eb="2">
      <t>ク</t>
    </rPh>
    <phoneticPr fontId="3"/>
  </si>
  <si>
    <t>厚別区</t>
    <rPh sb="2" eb="3">
      <t>ク</t>
    </rPh>
    <phoneticPr fontId="3"/>
  </si>
  <si>
    <t>手稲区</t>
    <rPh sb="2" eb="3">
      <t>ク</t>
    </rPh>
    <phoneticPr fontId="3"/>
  </si>
  <si>
    <t>清田区</t>
    <rPh sb="0" eb="1">
      <t>セイ</t>
    </rPh>
    <rPh sb="1" eb="2">
      <t>タ</t>
    </rPh>
    <rPh sb="2" eb="3">
      <t>ク</t>
    </rPh>
    <phoneticPr fontId="3"/>
  </si>
  <si>
    <t>小樽市</t>
    <rPh sb="2" eb="3">
      <t>シ</t>
    </rPh>
    <phoneticPr fontId="3"/>
  </si>
  <si>
    <t>岩見沢市</t>
    <rPh sb="3" eb="4">
      <t>シ</t>
    </rPh>
    <phoneticPr fontId="3"/>
  </si>
  <si>
    <t>江別市</t>
    <rPh sb="2" eb="3">
      <t>シ</t>
    </rPh>
    <phoneticPr fontId="3"/>
  </si>
  <si>
    <t>千歳市</t>
    <rPh sb="2" eb="3">
      <t>シ</t>
    </rPh>
    <phoneticPr fontId="3"/>
  </si>
  <si>
    <t>恵庭市</t>
    <rPh sb="2" eb="3">
      <t>シ</t>
    </rPh>
    <phoneticPr fontId="3"/>
  </si>
  <si>
    <t>北広島市</t>
    <rPh sb="0" eb="1">
      <t>キタ</t>
    </rPh>
    <rPh sb="3" eb="4">
      <t>シ</t>
    </rPh>
    <phoneticPr fontId="3"/>
  </si>
  <si>
    <t>当別町</t>
    <rPh sb="2" eb="3">
      <t>チョウ</t>
    </rPh>
    <phoneticPr fontId="3"/>
  </si>
  <si>
    <t>道内他市町村(計）</t>
    <rPh sb="2" eb="3">
      <t>タ</t>
    </rPh>
    <rPh sb="7" eb="8">
      <t>ケイ</t>
    </rPh>
    <phoneticPr fontId="3"/>
  </si>
  <si>
    <t>道内他市町村</t>
    <rPh sb="2" eb="3">
      <t>タ</t>
    </rPh>
    <phoneticPr fontId="3"/>
  </si>
  <si>
    <t>道外他市町村</t>
    <rPh sb="0" eb="1">
      <t>ドウ</t>
    </rPh>
    <rPh sb="1" eb="2">
      <t>ガイ</t>
    </rPh>
    <rPh sb="2" eb="3">
      <t>タ</t>
    </rPh>
    <phoneticPr fontId="3"/>
  </si>
  <si>
    <t>他市区町村→石狩市</t>
    <rPh sb="0" eb="1">
      <t>タ</t>
    </rPh>
    <rPh sb="6" eb="9">
      <t>イ</t>
    </rPh>
    <phoneticPr fontId="2"/>
  </si>
  <si>
    <t>令和2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1" formatCode="_ * #,##0_ ;_ * \-#,##0_ ;_ * &quot;-&quot;_ ;_ @_ "/>
  </numFmts>
  <fonts count="9" x14ac:knownFonts="1"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4"/>
      <name val="ＭＳ 明朝"/>
      <family val="1"/>
      <charset val="128"/>
    </font>
    <font>
      <sz val="10"/>
      <name val="ＭＳ 明朝"/>
      <family val="1"/>
      <charset val="128"/>
    </font>
    <font>
      <b/>
      <sz val="9"/>
      <name val="ＭＳ 明朝"/>
      <family val="1"/>
      <charset val="128"/>
    </font>
    <font>
      <b/>
      <sz val="10"/>
      <name val="ＭＳ 明朝"/>
      <family val="1"/>
      <charset val="128"/>
    </font>
    <font>
      <b/>
      <sz val="14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8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63">
    <xf numFmtId="0" fontId="0" fillId="0" borderId="0" xfId="0"/>
    <xf numFmtId="0" fontId="1" fillId="0" borderId="0" xfId="0" applyFont="1" applyAlignment="1">
      <alignment horizontal="left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 vertical="center" indent="1"/>
    </xf>
    <xf numFmtId="0" fontId="0" fillId="0" borderId="0" xfId="0" applyBorder="1"/>
    <xf numFmtId="0" fontId="1" fillId="0" borderId="0" xfId="0" applyFont="1"/>
    <xf numFmtId="0" fontId="1" fillId="0" borderId="0" xfId="0" applyFont="1" applyBorder="1"/>
    <xf numFmtId="0" fontId="0" fillId="0" borderId="1" xfId="0" applyBorder="1" applyAlignment="1">
      <alignment horizontal="left"/>
    </xf>
    <xf numFmtId="0" fontId="0" fillId="0" borderId="0" xfId="0" applyBorder="1" applyAlignment="1">
      <alignment horizontal="left"/>
    </xf>
    <xf numFmtId="0" fontId="0" fillId="0" borderId="2" xfId="0" applyBorder="1" applyAlignment="1">
      <alignment horizontal="left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41" fontId="7" fillId="0" borderId="14" xfId="0" applyNumberFormat="1" applyFont="1" applyBorder="1" applyAlignment="1">
      <alignment horizontal="right" vertical="center" shrinkToFit="1"/>
    </xf>
    <xf numFmtId="41" fontId="7" fillId="0" borderId="15" xfId="0" applyNumberFormat="1" applyFont="1" applyBorder="1" applyAlignment="1">
      <alignment horizontal="right" vertical="center" shrinkToFit="1"/>
    </xf>
    <xf numFmtId="41" fontId="7" fillId="0" borderId="16" xfId="0" applyNumberFormat="1" applyFont="1" applyBorder="1" applyAlignment="1">
      <alignment horizontal="right" vertical="center" shrinkToFit="1"/>
    </xf>
    <xf numFmtId="41" fontId="7" fillId="0" borderId="17" xfId="0" applyNumberFormat="1" applyFont="1" applyBorder="1" applyAlignment="1">
      <alignment horizontal="right" vertical="center" shrinkToFit="1"/>
    </xf>
    <xf numFmtId="41" fontId="7" fillId="0" borderId="18" xfId="0" applyNumberFormat="1" applyFont="1" applyBorder="1" applyAlignment="1">
      <alignment horizontal="right" vertical="center" shrinkToFit="1"/>
    </xf>
    <xf numFmtId="41" fontId="5" fillId="0" borderId="19" xfId="0" applyNumberFormat="1" applyFont="1" applyBorder="1" applyAlignment="1">
      <alignment horizontal="right" vertical="center" shrinkToFit="1"/>
    </xf>
    <xf numFmtId="41" fontId="5" fillId="0" borderId="20" xfId="0" applyNumberFormat="1" applyFont="1" applyBorder="1" applyAlignment="1">
      <alignment horizontal="right" vertical="center" shrinkToFit="1"/>
    </xf>
    <xf numFmtId="41" fontId="5" fillId="0" borderId="21" xfId="0" applyNumberFormat="1" applyFont="1" applyBorder="1" applyAlignment="1">
      <alignment horizontal="right" vertical="center" shrinkToFit="1"/>
    </xf>
    <xf numFmtId="41" fontId="5" fillId="0" borderId="22" xfId="0" applyNumberFormat="1" applyFont="1" applyBorder="1" applyAlignment="1">
      <alignment horizontal="right" vertical="center" shrinkToFit="1"/>
    </xf>
    <xf numFmtId="41" fontId="5" fillId="0" borderId="23" xfId="0" applyNumberFormat="1" applyFont="1" applyBorder="1" applyAlignment="1">
      <alignment horizontal="right" vertical="center" shrinkToFit="1"/>
    </xf>
    <xf numFmtId="41" fontId="5" fillId="0" borderId="7" xfId="0" applyNumberFormat="1" applyFont="1" applyBorder="1" applyAlignment="1">
      <alignment horizontal="right" vertical="center" shrinkToFit="1"/>
    </xf>
    <xf numFmtId="41" fontId="5" fillId="0" borderId="8" xfId="0" applyNumberFormat="1" applyFont="1" applyBorder="1" applyAlignment="1">
      <alignment horizontal="right" vertical="center" shrinkToFit="1"/>
    </xf>
    <xf numFmtId="41" fontId="5" fillId="0" borderId="9" xfId="0" applyNumberFormat="1" applyFont="1" applyBorder="1" applyAlignment="1">
      <alignment horizontal="right" vertical="center" shrinkToFit="1"/>
    </xf>
    <xf numFmtId="41" fontId="5" fillId="0" borderId="10" xfId="0" applyNumberFormat="1" applyFont="1" applyBorder="1" applyAlignment="1">
      <alignment horizontal="right" vertical="center" shrinkToFit="1"/>
    </xf>
    <xf numFmtId="41" fontId="5" fillId="0" borderId="11" xfId="0" applyNumberFormat="1" applyFont="1" applyBorder="1" applyAlignment="1">
      <alignment horizontal="right" vertical="center" shrinkToFit="1"/>
    </xf>
    <xf numFmtId="0" fontId="5" fillId="0" borderId="1" xfId="0" applyFont="1" applyBorder="1" applyAlignment="1">
      <alignment horizontal="left" vertical="center" textRotation="255"/>
    </xf>
    <xf numFmtId="0" fontId="5" fillId="0" borderId="2" xfId="0" applyFont="1" applyBorder="1" applyAlignment="1">
      <alignment horizontal="left"/>
    </xf>
    <xf numFmtId="41" fontId="5" fillId="2" borderId="19" xfId="0" applyNumberFormat="1" applyFont="1" applyFill="1" applyBorder="1" applyAlignment="1">
      <alignment horizontal="right" vertical="center" shrinkToFit="1"/>
    </xf>
    <xf numFmtId="41" fontId="5" fillId="2" borderId="20" xfId="0" applyNumberFormat="1" applyFont="1" applyFill="1" applyBorder="1" applyAlignment="1">
      <alignment horizontal="right" vertical="center" shrinkToFit="1"/>
    </xf>
    <xf numFmtId="41" fontId="5" fillId="2" borderId="21" xfId="0" applyNumberFormat="1" applyFont="1" applyFill="1" applyBorder="1" applyAlignment="1">
      <alignment horizontal="right" vertical="center" shrinkToFit="1"/>
    </xf>
    <xf numFmtId="41" fontId="5" fillId="0" borderId="19" xfId="0" applyNumberFormat="1" applyFont="1" applyFill="1" applyBorder="1" applyAlignment="1">
      <alignment horizontal="right" vertical="center" shrinkToFit="1"/>
    </xf>
    <xf numFmtId="41" fontId="5" fillId="0" borderId="20" xfId="0" applyNumberFormat="1" applyFont="1" applyFill="1" applyBorder="1" applyAlignment="1">
      <alignment horizontal="right" vertical="center" shrinkToFit="1"/>
    </xf>
    <xf numFmtId="41" fontId="5" fillId="0" borderId="21" xfId="0" applyNumberFormat="1" applyFont="1" applyFill="1" applyBorder="1" applyAlignment="1">
      <alignment horizontal="right" vertical="center" shrinkToFit="1"/>
    </xf>
    <xf numFmtId="0" fontId="0" fillId="0" borderId="1" xfId="0" applyBorder="1"/>
    <xf numFmtId="0" fontId="0" fillId="0" borderId="12" xfId="0" applyBorder="1"/>
    <xf numFmtId="0" fontId="0" fillId="0" borderId="26" xfId="0" applyBorder="1" applyAlignment="1">
      <alignment horizontal="left"/>
    </xf>
    <xf numFmtId="0" fontId="4" fillId="0" borderId="26" xfId="0" applyFont="1" applyBorder="1" applyAlignment="1">
      <alignment horizontal="left"/>
    </xf>
    <xf numFmtId="0" fontId="0" fillId="0" borderId="26" xfId="0" applyBorder="1"/>
    <xf numFmtId="0" fontId="4" fillId="0" borderId="12" xfId="0" applyFont="1" applyBorder="1"/>
    <xf numFmtId="0" fontId="4" fillId="0" borderId="26" xfId="0" applyFont="1" applyBorder="1"/>
    <xf numFmtId="0" fontId="4" fillId="0" borderId="13" xfId="0" applyFont="1" applyBorder="1" applyAlignment="1">
      <alignment horizontal="left"/>
    </xf>
    <xf numFmtId="0" fontId="0" fillId="0" borderId="0" xfId="0" applyBorder="1" applyAlignment="1">
      <alignment horizontal="right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 wrapText="1"/>
    </xf>
    <xf numFmtId="0" fontId="6" fillId="0" borderId="27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13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left"/>
    </xf>
    <xf numFmtId="0" fontId="5" fillId="0" borderId="2" xfId="0" applyFont="1" applyBorder="1" applyAlignment="1">
      <alignment horizontal="left"/>
    </xf>
    <xf numFmtId="0" fontId="5" fillId="0" borderId="24" xfId="0" applyFont="1" applyBorder="1" applyAlignment="1">
      <alignment horizontal="left"/>
    </xf>
    <xf numFmtId="0" fontId="5" fillId="0" borderId="25" xfId="0" applyFont="1" applyBorder="1" applyAlignment="1">
      <alignment horizontal="left"/>
    </xf>
    <xf numFmtId="0" fontId="5" fillId="0" borderId="3" xfId="0" applyFont="1" applyBorder="1" applyAlignment="1">
      <alignment horizontal="center"/>
    </xf>
    <xf numFmtId="0" fontId="5" fillId="0" borderId="6" xfId="0" applyFont="1" applyBorder="1" applyAlignment="1">
      <alignment horizontal="center"/>
    </xf>
    <xf numFmtId="0" fontId="8" fillId="0" borderId="6" xfId="0" applyFont="1" applyBorder="1" applyAlignment="1">
      <alignment horizontal="center" vertical="center" textRotation="255"/>
    </xf>
    <xf numFmtId="0" fontId="5" fillId="0" borderId="12" xfId="0" applyFont="1" applyBorder="1" applyAlignment="1">
      <alignment horizontal="center" vertical="center" textRotation="255"/>
    </xf>
    <xf numFmtId="0" fontId="5" fillId="0" borderId="13" xfId="0" applyFont="1" applyBorder="1" applyAlignment="1">
      <alignment horizontal="center" vertical="center" textRotation="255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G52"/>
  <sheetViews>
    <sheetView tabSelected="1" view="pageBreakPreview" topLeftCell="A4" zoomScaleNormal="100" zoomScaleSheetLayoutView="100" workbookViewId="0">
      <pane xSplit="3" ySplit="2" topLeftCell="N23" activePane="bottomRight" state="frozen"/>
      <selection activeCell="A4" sqref="A4"/>
      <selection pane="topRight" activeCell="D4" sqref="D4"/>
      <selection pane="bottomLeft" activeCell="A6" sqref="A6"/>
      <selection pane="bottomRight" activeCell="AG53" sqref="AG53"/>
    </sheetView>
  </sheetViews>
  <sheetFormatPr defaultRowHeight="13.2" x14ac:dyDescent="0.2"/>
  <cols>
    <col min="1" max="1" width="4" customWidth="1"/>
    <col min="2" max="2" width="2.6640625" style="2" customWidth="1"/>
    <col min="3" max="3" width="10.21875" style="2" customWidth="1"/>
    <col min="4" max="27" width="7.44140625" customWidth="1"/>
    <col min="28" max="33" width="7.44140625" style="2" customWidth="1"/>
  </cols>
  <sheetData>
    <row r="1" spans="1:33" ht="19.8" hidden="1" thickBot="1" x14ac:dyDescent="0.3">
      <c r="A1" s="1" t="s">
        <v>0</v>
      </c>
      <c r="S1" s="3" t="s">
        <v>1</v>
      </c>
      <c r="T1" s="4"/>
      <c r="V1" s="5"/>
      <c r="W1" s="6"/>
      <c r="X1" s="6"/>
      <c r="Y1" s="5"/>
      <c r="Z1" s="5"/>
      <c r="AA1" s="5"/>
    </row>
    <row r="2" spans="1:33" ht="13.5" hidden="1" customHeight="1" x14ac:dyDescent="0.2">
      <c r="A2" s="39"/>
      <c r="B2" s="40"/>
      <c r="C2" s="41"/>
      <c r="D2" s="42"/>
      <c r="E2" s="42"/>
      <c r="F2" s="42"/>
      <c r="G2" s="42"/>
      <c r="H2" s="42"/>
      <c r="I2" s="42"/>
      <c r="J2" s="42"/>
      <c r="K2" s="42"/>
      <c r="L2" s="42"/>
      <c r="M2" s="42"/>
      <c r="N2" s="42"/>
      <c r="O2" s="42"/>
      <c r="P2" s="42"/>
      <c r="Q2" s="42"/>
      <c r="R2" s="42"/>
      <c r="S2" s="42"/>
      <c r="T2" s="42"/>
      <c r="U2" s="42"/>
      <c r="V2" s="43"/>
      <c r="W2" s="44"/>
      <c r="X2" s="44"/>
      <c r="Y2" s="44"/>
      <c r="Z2" s="44"/>
      <c r="AA2" s="44"/>
      <c r="AB2" s="41"/>
      <c r="AC2" s="41"/>
      <c r="AD2" s="45"/>
      <c r="AE2" s="41"/>
      <c r="AF2" s="41"/>
      <c r="AG2" s="45"/>
    </row>
    <row r="3" spans="1:33" ht="12.6" hidden="1" customHeight="1" x14ac:dyDescent="0.2">
      <c r="A3" s="38"/>
      <c r="B3" s="8"/>
      <c r="C3" s="8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6" t="s">
        <v>2</v>
      </c>
      <c r="V3" s="38"/>
      <c r="W3" s="4"/>
      <c r="X3" s="4"/>
      <c r="Y3" s="4"/>
      <c r="Z3" s="4"/>
      <c r="AA3" s="4"/>
      <c r="AB3" s="7"/>
      <c r="AC3" s="8"/>
      <c r="AD3" s="9"/>
      <c r="AE3" s="7"/>
      <c r="AF3" s="8"/>
      <c r="AG3" s="9"/>
    </row>
    <row r="4" spans="1:33" ht="15" customHeight="1" x14ac:dyDescent="0.2">
      <c r="A4" s="58"/>
      <c r="B4" s="58"/>
      <c r="C4" s="58"/>
      <c r="D4" s="47" t="s">
        <v>3</v>
      </c>
      <c r="E4" s="47"/>
      <c r="F4" s="47"/>
      <c r="G4" s="47" t="s">
        <v>4</v>
      </c>
      <c r="H4" s="47"/>
      <c r="I4" s="47"/>
      <c r="J4" s="47" t="s">
        <v>5</v>
      </c>
      <c r="K4" s="47"/>
      <c r="L4" s="47"/>
      <c r="M4" s="47" t="s">
        <v>6</v>
      </c>
      <c r="N4" s="47"/>
      <c r="O4" s="47"/>
      <c r="P4" s="47" t="s">
        <v>7</v>
      </c>
      <c r="Q4" s="47"/>
      <c r="R4" s="47"/>
      <c r="S4" s="48" t="s">
        <v>8</v>
      </c>
      <c r="T4" s="47"/>
      <c r="U4" s="47"/>
      <c r="V4" s="47" t="s">
        <v>9</v>
      </c>
      <c r="W4" s="47"/>
      <c r="X4" s="47"/>
      <c r="Y4" s="47" t="s">
        <v>10</v>
      </c>
      <c r="Z4" s="47"/>
      <c r="AA4" s="49"/>
      <c r="AB4" s="47" t="s">
        <v>11</v>
      </c>
      <c r="AC4" s="47"/>
      <c r="AD4" s="47"/>
      <c r="AE4" s="47" t="s">
        <v>43</v>
      </c>
      <c r="AF4" s="47"/>
      <c r="AG4" s="47"/>
    </row>
    <row r="5" spans="1:33" ht="15" customHeight="1" x14ac:dyDescent="0.2">
      <c r="A5" s="59"/>
      <c r="B5" s="59"/>
      <c r="C5" s="59"/>
      <c r="D5" s="10" t="s">
        <v>12</v>
      </c>
      <c r="E5" s="11" t="s">
        <v>13</v>
      </c>
      <c r="F5" s="12" t="s">
        <v>14</v>
      </c>
      <c r="G5" s="10" t="s">
        <v>12</v>
      </c>
      <c r="H5" s="11" t="s">
        <v>13</v>
      </c>
      <c r="I5" s="12" t="s">
        <v>14</v>
      </c>
      <c r="J5" s="10" t="s">
        <v>12</v>
      </c>
      <c r="K5" s="11" t="s">
        <v>13</v>
      </c>
      <c r="L5" s="12" t="s">
        <v>14</v>
      </c>
      <c r="M5" s="10" t="s">
        <v>12</v>
      </c>
      <c r="N5" s="11" t="s">
        <v>13</v>
      </c>
      <c r="O5" s="12" t="s">
        <v>14</v>
      </c>
      <c r="P5" s="10" t="s">
        <v>12</v>
      </c>
      <c r="Q5" s="11" t="s">
        <v>13</v>
      </c>
      <c r="R5" s="12" t="s">
        <v>14</v>
      </c>
      <c r="S5" s="13" t="s">
        <v>12</v>
      </c>
      <c r="T5" s="11" t="s">
        <v>13</v>
      </c>
      <c r="U5" s="12" t="s">
        <v>14</v>
      </c>
      <c r="V5" s="10" t="s">
        <v>12</v>
      </c>
      <c r="W5" s="11" t="s">
        <v>13</v>
      </c>
      <c r="X5" s="12" t="s">
        <v>14</v>
      </c>
      <c r="Y5" s="13" t="s">
        <v>12</v>
      </c>
      <c r="Z5" s="11" t="s">
        <v>13</v>
      </c>
      <c r="AA5" s="14" t="s">
        <v>14</v>
      </c>
      <c r="AB5" s="10" t="s">
        <v>12</v>
      </c>
      <c r="AC5" s="11" t="s">
        <v>13</v>
      </c>
      <c r="AD5" s="12" t="s">
        <v>14</v>
      </c>
      <c r="AE5" s="10" t="s">
        <v>12</v>
      </c>
      <c r="AF5" s="11" t="s">
        <v>13</v>
      </c>
      <c r="AG5" s="12" t="s">
        <v>14</v>
      </c>
    </row>
    <row r="6" spans="1:33" ht="15" customHeight="1" x14ac:dyDescent="0.2">
      <c r="A6" s="50" t="s">
        <v>15</v>
      </c>
      <c r="B6" s="52" t="s">
        <v>16</v>
      </c>
      <c r="C6" s="53"/>
      <c r="D6" s="15">
        <v>3926</v>
      </c>
      <c r="E6" s="16">
        <v>3760</v>
      </c>
      <c r="F6" s="17">
        <v>166</v>
      </c>
      <c r="G6" s="15">
        <v>6185</v>
      </c>
      <c r="H6" s="16">
        <v>5636</v>
      </c>
      <c r="I6" s="17">
        <v>549</v>
      </c>
      <c r="J6" s="15">
        <v>8199</v>
      </c>
      <c r="K6" s="16">
        <v>7108</v>
      </c>
      <c r="L6" s="17">
        <v>1091</v>
      </c>
      <c r="M6" s="15">
        <v>10505</v>
      </c>
      <c r="N6" s="16">
        <v>8860</v>
      </c>
      <c r="O6" s="17">
        <v>1645</v>
      </c>
      <c r="P6" s="15">
        <v>12669</v>
      </c>
      <c r="Q6" s="16">
        <v>11232</v>
      </c>
      <c r="R6" s="17">
        <v>1437</v>
      </c>
      <c r="S6" s="18">
        <v>13694</v>
      </c>
      <c r="T6" s="16">
        <v>12381</v>
      </c>
      <c r="U6" s="17">
        <v>1313</v>
      </c>
      <c r="V6" s="15">
        <v>15896</v>
      </c>
      <c r="W6" s="16">
        <v>14736</v>
      </c>
      <c r="X6" s="17">
        <v>1160</v>
      </c>
      <c r="Y6" s="18">
        <v>14262</v>
      </c>
      <c r="Z6" s="16">
        <v>13310</v>
      </c>
      <c r="AA6" s="19">
        <v>952</v>
      </c>
      <c r="AB6" s="15">
        <v>13960</v>
      </c>
      <c r="AC6" s="16">
        <v>13166</v>
      </c>
      <c r="AD6" s="17">
        <v>794</v>
      </c>
      <c r="AE6" s="15">
        <v>12441</v>
      </c>
      <c r="AF6" s="16">
        <v>11794</v>
      </c>
      <c r="AG6" s="17">
        <v>647</v>
      </c>
    </row>
    <row r="7" spans="1:33" ht="15" customHeight="1" x14ac:dyDescent="0.2">
      <c r="A7" s="50"/>
      <c r="B7" s="54" t="s">
        <v>17</v>
      </c>
      <c r="C7" s="55"/>
      <c r="D7" s="20">
        <v>1883</v>
      </c>
      <c r="E7" s="21">
        <v>1883</v>
      </c>
      <c r="F7" s="22">
        <v>0</v>
      </c>
      <c r="G7" s="20">
        <v>2204</v>
      </c>
      <c r="H7" s="21">
        <v>2204</v>
      </c>
      <c r="I7" s="22">
        <v>0</v>
      </c>
      <c r="J7" s="20">
        <v>2236</v>
      </c>
      <c r="K7" s="21">
        <v>2236</v>
      </c>
      <c r="L7" s="22">
        <v>0</v>
      </c>
      <c r="M7" s="20">
        <v>2532</v>
      </c>
      <c r="N7" s="21">
        <v>2532</v>
      </c>
      <c r="O7" s="22">
        <v>0</v>
      </c>
      <c r="P7" s="20">
        <v>2098</v>
      </c>
      <c r="Q7" s="21">
        <v>2098</v>
      </c>
      <c r="R7" s="22">
        <v>0</v>
      </c>
      <c r="S7" s="23">
        <v>2442</v>
      </c>
      <c r="T7" s="21">
        <v>2442</v>
      </c>
      <c r="U7" s="22">
        <v>0</v>
      </c>
      <c r="V7" s="20">
        <v>2909</v>
      </c>
      <c r="W7" s="21">
        <v>2909</v>
      </c>
      <c r="X7" s="22">
        <v>0</v>
      </c>
      <c r="Y7" s="23">
        <v>2538</v>
      </c>
      <c r="Z7" s="21">
        <v>2538</v>
      </c>
      <c r="AA7" s="24" t="s">
        <v>18</v>
      </c>
      <c r="AB7" s="20">
        <v>2497</v>
      </c>
      <c r="AC7" s="21">
        <v>2497</v>
      </c>
      <c r="AD7" s="22">
        <v>0</v>
      </c>
      <c r="AE7" s="20">
        <v>2163</v>
      </c>
      <c r="AF7" s="21">
        <v>2163</v>
      </c>
      <c r="AG7" s="22">
        <v>0</v>
      </c>
    </row>
    <row r="8" spans="1:33" ht="15" customHeight="1" x14ac:dyDescent="0.2">
      <c r="A8" s="51"/>
      <c r="B8" s="56" t="s">
        <v>19</v>
      </c>
      <c r="C8" s="57"/>
      <c r="D8" s="25">
        <v>2043</v>
      </c>
      <c r="E8" s="26">
        <v>1877</v>
      </c>
      <c r="F8" s="27">
        <v>166</v>
      </c>
      <c r="G8" s="25">
        <v>3981</v>
      </c>
      <c r="H8" s="26">
        <v>3432</v>
      </c>
      <c r="I8" s="27">
        <v>549</v>
      </c>
      <c r="J8" s="25">
        <v>5963</v>
      </c>
      <c r="K8" s="26">
        <v>4872</v>
      </c>
      <c r="L8" s="27">
        <v>1091</v>
      </c>
      <c r="M8" s="25">
        <v>7973</v>
      </c>
      <c r="N8" s="26">
        <v>6328</v>
      </c>
      <c r="O8" s="27">
        <v>1645</v>
      </c>
      <c r="P8" s="25">
        <v>10571</v>
      </c>
      <c r="Q8" s="26">
        <v>9134</v>
      </c>
      <c r="R8" s="27">
        <v>1437</v>
      </c>
      <c r="S8" s="28">
        <v>11252</v>
      </c>
      <c r="T8" s="26">
        <v>9939</v>
      </c>
      <c r="U8" s="27">
        <v>1313</v>
      </c>
      <c r="V8" s="25">
        <v>12987</v>
      </c>
      <c r="W8" s="26">
        <v>11827</v>
      </c>
      <c r="X8" s="27">
        <v>1160</v>
      </c>
      <c r="Y8" s="28">
        <v>11724</v>
      </c>
      <c r="Z8" s="26">
        <v>10772</v>
      </c>
      <c r="AA8" s="29">
        <v>952</v>
      </c>
      <c r="AB8" s="25">
        <v>11463</v>
      </c>
      <c r="AC8" s="26">
        <v>10669</v>
      </c>
      <c r="AD8" s="27">
        <v>794</v>
      </c>
      <c r="AE8" s="25">
        <v>10278</v>
      </c>
      <c r="AF8" s="26">
        <v>9631</v>
      </c>
      <c r="AG8" s="27">
        <v>647</v>
      </c>
    </row>
    <row r="9" spans="1:33" ht="15" customHeight="1" x14ac:dyDescent="0.2">
      <c r="A9" s="60" t="s">
        <v>20</v>
      </c>
      <c r="B9" s="61" t="s">
        <v>16</v>
      </c>
      <c r="C9" s="62"/>
      <c r="D9" s="15">
        <v>4200</v>
      </c>
      <c r="E9" s="16">
        <v>3394</v>
      </c>
      <c r="F9" s="17">
        <v>806</v>
      </c>
      <c r="G9" s="15">
        <v>9722</v>
      </c>
      <c r="H9" s="16">
        <v>8371</v>
      </c>
      <c r="I9" s="17">
        <v>1351</v>
      </c>
      <c r="J9" s="15">
        <v>11782</v>
      </c>
      <c r="K9" s="16">
        <v>10157</v>
      </c>
      <c r="L9" s="17">
        <v>1625</v>
      </c>
      <c r="M9" s="15">
        <v>14169</v>
      </c>
      <c r="N9" s="16">
        <v>11773</v>
      </c>
      <c r="O9" s="17">
        <v>2396</v>
      </c>
      <c r="P9" s="15">
        <v>16465</v>
      </c>
      <c r="Q9" s="16">
        <v>13433</v>
      </c>
      <c r="R9" s="17">
        <v>3032</v>
      </c>
      <c r="S9" s="18">
        <v>16174</v>
      </c>
      <c r="T9" s="16">
        <v>13730</v>
      </c>
      <c r="U9" s="17">
        <v>2444</v>
      </c>
      <c r="V9" s="15">
        <v>15513</v>
      </c>
      <c r="W9" s="16">
        <v>13578</v>
      </c>
      <c r="X9" s="17">
        <v>1935</v>
      </c>
      <c r="Y9" s="15">
        <v>14284</v>
      </c>
      <c r="Z9" s="16">
        <v>12509</v>
      </c>
      <c r="AA9" s="19">
        <v>1775</v>
      </c>
      <c r="AB9" s="15">
        <v>13459</v>
      </c>
      <c r="AC9" s="16">
        <v>11917</v>
      </c>
      <c r="AD9" s="17">
        <v>1542</v>
      </c>
      <c r="AE9" s="15">
        <v>12278</v>
      </c>
      <c r="AF9" s="16">
        <v>10989</v>
      </c>
      <c r="AG9" s="17">
        <v>1289</v>
      </c>
    </row>
    <row r="10" spans="1:33" ht="15" customHeight="1" x14ac:dyDescent="0.2">
      <c r="A10" s="60"/>
      <c r="B10" s="54" t="s">
        <v>21</v>
      </c>
      <c r="C10" s="55"/>
      <c r="D10" s="20">
        <v>3981</v>
      </c>
      <c r="E10" s="21">
        <v>3242</v>
      </c>
      <c r="F10" s="22">
        <v>739</v>
      </c>
      <c r="G10" s="20">
        <v>9276</v>
      </c>
      <c r="H10" s="21">
        <v>8060</v>
      </c>
      <c r="I10" s="22">
        <v>1216</v>
      </c>
      <c r="J10" s="20">
        <v>11162</v>
      </c>
      <c r="K10" s="21">
        <v>9683</v>
      </c>
      <c r="L10" s="22">
        <v>1479</v>
      </c>
      <c r="M10" s="20">
        <v>13352</v>
      </c>
      <c r="N10" s="21">
        <v>11149</v>
      </c>
      <c r="O10" s="22">
        <v>2203</v>
      </c>
      <c r="P10" s="20">
        <v>15225</v>
      </c>
      <c r="Q10" s="21">
        <v>12479</v>
      </c>
      <c r="R10" s="22">
        <v>2746</v>
      </c>
      <c r="S10" s="23">
        <v>14846</v>
      </c>
      <c r="T10" s="21">
        <v>12656</v>
      </c>
      <c r="U10" s="22">
        <v>2190</v>
      </c>
      <c r="V10" s="20">
        <v>14076</v>
      </c>
      <c r="W10" s="21">
        <v>12399</v>
      </c>
      <c r="X10" s="22">
        <v>1677</v>
      </c>
      <c r="Y10" s="20">
        <v>12859</v>
      </c>
      <c r="Z10" s="21">
        <v>11306</v>
      </c>
      <c r="AA10" s="24">
        <v>1553</v>
      </c>
      <c r="AB10" s="20">
        <v>12015</v>
      </c>
      <c r="AC10" s="21">
        <v>10660</v>
      </c>
      <c r="AD10" s="22">
        <v>1355</v>
      </c>
      <c r="AE10" s="20">
        <v>10672</v>
      </c>
      <c r="AF10" s="21">
        <v>9539</v>
      </c>
      <c r="AG10" s="22">
        <v>1133</v>
      </c>
    </row>
    <row r="11" spans="1:33" ht="15" customHeight="1" x14ac:dyDescent="0.2">
      <c r="A11" s="60"/>
      <c r="B11" s="30"/>
      <c r="C11" s="31" t="s">
        <v>22</v>
      </c>
      <c r="D11" s="20">
        <v>1422</v>
      </c>
      <c r="E11" s="21">
        <v>1299</v>
      </c>
      <c r="F11" s="22">
        <v>123</v>
      </c>
      <c r="G11" s="20">
        <v>3504</v>
      </c>
      <c r="H11" s="21">
        <v>3334</v>
      </c>
      <c r="I11" s="22">
        <v>170</v>
      </c>
      <c r="J11" s="20">
        <v>4072</v>
      </c>
      <c r="K11" s="21">
        <v>3852</v>
      </c>
      <c r="L11" s="22">
        <v>220</v>
      </c>
      <c r="M11" s="20">
        <v>4224</v>
      </c>
      <c r="N11" s="21">
        <v>3932</v>
      </c>
      <c r="O11" s="22">
        <v>292</v>
      </c>
      <c r="P11" s="20">
        <v>4254</v>
      </c>
      <c r="Q11" s="21">
        <v>3900</v>
      </c>
      <c r="R11" s="22">
        <v>354</v>
      </c>
      <c r="S11" s="23">
        <v>3922</v>
      </c>
      <c r="T11" s="21">
        <v>3617</v>
      </c>
      <c r="U11" s="22">
        <v>305</v>
      </c>
      <c r="V11" s="20">
        <v>3602</v>
      </c>
      <c r="W11" s="21">
        <v>3289</v>
      </c>
      <c r="X11" s="22">
        <v>313</v>
      </c>
      <c r="Y11" s="20">
        <v>2965</v>
      </c>
      <c r="Z11" s="21">
        <v>2785</v>
      </c>
      <c r="AA11" s="24">
        <v>180</v>
      </c>
      <c r="AB11" s="20">
        <v>2697</v>
      </c>
      <c r="AC11" s="21">
        <v>2521</v>
      </c>
      <c r="AD11" s="22">
        <v>176</v>
      </c>
      <c r="AE11" s="20">
        <v>2266</v>
      </c>
      <c r="AF11" s="21">
        <v>2102</v>
      </c>
      <c r="AG11" s="22">
        <v>164</v>
      </c>
    </row>
    <row r="12" spans="1:33" ht="15" customHeight="1" x14ac:dyDescent="0.2">
      <c r="A12" s="60"/>
      <c r="B12" s="30"/>
      <c r="C12" s="31" t="s">
        <v>23</v>
      </c>
      <c r="D12" s="20">
        <v>986</v>
      </c>
      <c r="E12" s="21">
        <v>763</v>
      </c>
      <c r="F12" s="22">
        <v>223</v>
      </c>
      <c r="G12" s="20">
        <v>2056</v>
      </c>
      <c r="H12" s="21">
        <v>1670</v>
      </c>
      <c r="I12" s="22">
        <v>386</v>
      </c>
      <c r="J12" s="20">
        <v>2544</v>
      </c>
      <c r="K12" s="21">
        <v>2083</v>
      </c>
      <c r="L12" s="22">
        <v>461</v>
      </c>
      <c r="M12" s="20">
        <v>3488</v>
      </c>
      <c r="N12" s="21">
        <v>2591</v>
      </c>
      <c r="O12" s="22">
        <v>897</v>
      </c>
      <c r="P12" s="20">
        <v>4356</v>
      </c>
      <c r="Q12" s="21">
        <v>3147</v>
      </c>
      <c r="R12" s="22">
        <v>1209</v>
      </c>
      <c r="S12" s="23">
        <v>4308</v>
      </c>
      <c r="T12" s="21">
        <v>3326</v>
      </c>
      <c r="U12" s="22">
        <v>982</v>
      </c>
      <c r="V12" s="20">
        <v>4159</v>
      </c>
      <c r="W12" s="21">
        <v>3483</v>
      </c>
      <c r="X12" s="22">
        <v>676</v>
      </c>
      <c r="Y12" s="20">
        <v>3970</v>
      </c>
      <c r="Z12" s="21">
        <v>3275</v>
      </c>
      <c r="AA12" s="24">
        <v>695</v>
      </c>
      <c r="AB12" s="20">
        <v>3548</v>
      </c>
      <c r="AC12" s="21">
        <v>3062</v>
      </c>
      <c r="AD12" s="22">
        <v>486</v>
      </c>
      <c r="AE12" s="20">
        <v>3195</v>
      </c>
      <c r="AF12" s="21">
        <v>2773</v>
      </c>
      <c r="AG12" s="22">
        <v>422</v>
      </c>
    </row>
    <row r="13" spans="1:33" ht="15" customHeight="1" x14ac:dyDescent="0.2">
      <c r="A13" s="60"/>
      <c r="B13" s="30"/>
      <c r="C13" s="31" t="s">
        <v>24</v>
      </c>
      <c r="D13" s="20">
        <v>479</v>
      </c>
      <c r="E13" s="21">
        <v>386</v>
      </c>
      <c r="F13" s="22">
        <v>93</v>
      </c>
      <c r="G13" s="20">
        <v>1230</v>
      </c>
      <c r="H13" s="21">
        <v>1060</v>
      </c>
      <c r="I13" s="22">
        <v>170</v>
      </c>
      <c r="J13" s="20">
        <v>1440</v>
      </c>
      <c r="K13" s="21">
        <v>1261</v>
      </c>
      <c r="L13" s="22">
        <v>179</v>
      </c>
      <c r="M13" s="20">
        <v>1750</v>
      </c>
      <c r="N13" s="21">
        <v>1479</v>
      </c>
      <c r="O13" s="22">
        <v>271</v>
      </c>
      <c r="P13" s="20">
        <v>1936</v>
      </c>
      <c r="Q13" s="21">
        <v>1660</v>
      </c>
      <c r="R13" s="22">
        <v>276</v>
      </c>
      <c r="S13" s="23">
        <v>1897</v>
      </c>
      <c r="T13" s="21">
        <v>1729</v>
      </c>
      <c r="U13" s="22">
        <v>168</v>
      </c>
      <c r="V13" s="20">
        <v>1782</v>
      </c>
      <c r="W13" s="21">
        <v>1652</v>
      </c>
      <c r="X13" s="22">
        <v>130</v>
      </c>
      <c r="Y13" s="20">
        <v>1706</v>
      </c>
      <c r="Z13" s="21">
        <v>1574</v>
      </c>
      <c r="AA13" s="24">
        <v>132</v>
      </c>
      <c r="AB13" s="20">
        <v>1589</v>
      </c>
      <c r="AC13" s="21">
        <v>1458</v>
      </c>
      <c r="AD13" s="22">
        <v>131</v>
      </c>
      <c r="AE13" s="20">
        <v>1461</v>
      </c>
      <c r="AF13" s="21">
        <v>1341</v>
      </c>
      <c r="AG13" s="22">
        <v>120</v>
      </c>
    </row>
    <row r="14" spans="1:33" ht="15" customHeight="1" x14ac:dyDescent="0.2">
      <c r="A14" s="60"/>
      <c r="B14" s="30"/>
      <c r="C14" s="31" t="s">
        <v>25</v>
      </c>
      <c r="D14" s="20">
        <v>194</v>
      </c>
      <c r="E14" s="21">
        <v>180</v>
      </c>
      <c r="F14" s="22">
        <v>14</v>
      </c>
      <c r="G14" s="20">
        <v>450</v>
      </c>
      <c r="H14" s="21">
        <v>411</v>
      </c>
      <c r="I14" s="22">
        <v>39</v>
      </c>
      <c r="J14" s="20">
        <v>609</v>
      </c>
      <c r="K14" s="21">
        <v>563</v>
      </c>
      <c r="L14" s="22">
        <v>46</v>
      </c>
      <c r="M14" s="20">
        <v>619</v>
      </c>
      <c r="N14" s="21">
        <v>596</v>
      </c>
      <c r="O14" s="22">
        <v>23</v>
      </c>
      <c r="P14" s="20">
        <v>703</v>
      </c>
      <c r="Q14" s="21">
        <v>669</v>
      </c>
      <c r="R14" s="22">
        <v>34</v>
      </c>
      <c r="S14" s="23">
        <v>650</v>
      </c>
      <c r="T14" s="21">
        <v>624</v>
      </c>
      <c r="U14" s="22">
        <v>26</v>
      </c>
      <c r="V14" s="20">
        <v>691</v>
      </c>
      <c r="W14" s="21">
        <v>671</v>
      </c>
      <c r="X14" s="22">
        <v>20</v>
      </c>
      <c r="Y14" s="20">
        <v>585</v>
      </c>
      <c r="Z14" s="21">
        <v>562</v>
      </c>
      <c r="AA14" s="24">
        <v>23</v>
      </c>
      <c r="AB14" s="20">
        <v>587</v>
      </c>
      <c r="AC14" s="21">
        <v>557</v>
      </c>
      <c r="AD14" s="22">
        <v>30</v>
      </c>
      <c r="AE14" s="20">
        <v>524</v>
      </c>
      <c r="AF14" s="21">
        <v>503</v>
      </c>
      <c r="AG14" s="22">
        <v>21</v>
      </c>
    </row>
    <row r="15" spans="1:33" ht="15" customHeight="1" x14ac:dyDescent="0.2">
      <c r="A15" s="60"/>
      <c r="B15" s="30"/>
      <c r="C15" s="31" t="s">
        <v>26</v>
      </c>
      <c r="D15" s="20">
        <v>210</v>
      </c>
      <c r="E15" s="21">
        <v>103</v>
      </c>
      <c r="F15" s="22">
        <v>107</v>
      </c>
      <c r="G15" s="20">
        <v>547</v>
      </c>
      <c r="H15" s="21">
        <v>333</v>
      </c>
      <c r="I15" s="22">
        <v>214</v>
      </c>
      <c r="J15" s="20">
        <v>557</v>
      </c>
      <c r="K15" s="21">
        <v>356</v>
      </c>
      <c r="L15" s="22">
        <v>201</v>
      </c>
      <c r="M15" s="20">
        <v>652</v>
      </c>
      <c r="N15" s="21">
        <v>420</v>
      </c>
      <c r="O15" s="22">
        <v>232</v>
      </c>
      <c r="P15" s="20">
        <v>814</v>
      </c>
      <c r="Q15" s="21">
        <v>488</v>
      </c>
      <c r="R15" s="22">
        <v>326</v>
      </c>
      <c r="S15" s="23">
        <v>668</v>
      </c>
      <c r="T15" s="21">
        <v>384</v>
      </c>
      <c r="U15" s="22">
        <v>284</v>
      </c>
      <c r="V15" s="20">
        <v>531</v>
      </c>
      <c r="W15" s="21">
        <v>341</v>
      </c>
      <c r="X15" s="22">
        <v>190</v>
      </c>
      <c r="Y15" s="20">
        <v>459</v>
      </c>
      <c r="Z15" s="21">
        <v>290</v>
      </c>
      <c r="AA15" s="24">
        <v>169</v>
      </c>
      <c r="AB15" s="20">
        <v>404</v>
      </c>
      <c r="AC15" s="21">
        <v>281</v>
      </c>
      <c r="AD15" s="22">
        <v>123</v>
      </c>
      <c r="AE15" s="20">
        <v>363</v>
      </c>
      <c r="AF15" s="21">
        <v>273</v>
      </c>
      <c r="AG15" s="22">
        <v>90</v>
      </c>
    </row>
    <row r="16" spans="1:33" ht="15" customHeight="1" x14ac:dyDescent="0.2">
      <c r="A16" s="60"/>
      <c r="B16" s="30"/>
      <c r="C16" s="31" t="s">
        <v>27</v>
      </c>
      <c r="D16" s="20">
        <v>187</v>
      </c>
      <c r="E16" s="21">
        <v>97</v>
      </c>
      <c r="F16" s="22">
        <v>90</v>
      </c>
      <c r="G16" s="20">
        <v>279</v>
      </c>
      <c r="H16" s="21">
        <v>177</v>
      </c>
      <c r="I16" s="22">
        <v>102</v>
      </c>
      <c r="J16" s="20">
        <v>300</v>
      </c>
      <c r="K16" s="21">
        <v>188</v>
      </c>
      <c r="L16" s="22">
        <v>112</v>
      </c>
      <c r="M16" s="20">
        <v>344</v>
      </c>
      <c r="N16" s="21">
        <v>206</v>
      </c>
      <c r="O16" s="22">
        <v>138</v>
      </c>
      <c r="P16" s="20">
        <v>358</v>
      </c>
      <c r="Q16" s="21">
        <v>208</v>
      </c>
      <c r="R16" s="22">
        <v>150</v>
      </c>
      <c r="S16" s="23">
        <v>265</v>
      </c>
      <c r="T16" s="21">
        <v>182</v>
      </c>
      <c r="U16" s="22">
        <v>83</v>
      </c>
      <c r="V16" s="20">
        <v>223</v>
      </c>
      <c r="W16" s="21">
        <v>164</v>
      </c>
      <c r="X16" s="22">
        <v>59</v>
      </c>
      <c r="Y16" s="20">
        <v>173</v>
      </c>
      <c r="Z16" s="21">
        <v>141</v>
      </c>
      <c r="AA16" s="24">
        <v>32</v>
      </c>
      <c r="AB16" s="20">
        <v>188</v>
      </c>
      <c r="AC16" s="21">
        <v>143</v>
      </c>
      <c r="AD16" s="22">
        <v>45</v>
      </c>
      <c r="AE16" s="20">
        <v>149</v>
      </c>
      <c r="AF16" s="21">
        <v>121</v>
      </c>
      <c r="AG16" s="22">
        <v>28</v>
      </c>
    </row>
    <row r="17" spans="1:33" ht="15" customHeight="1" x14ac:dyDescent="0.2">
      <c r="A17" s="60"/>
      <c r="B17" s="30"/>
      <c r="C17" s="31" t="s">
        <v>28</v>
      </c>
      <c r="D17" s="20">
        <v>503</v>
      </c>
      <c r="E17" s="21">
        <v>414</v>
      </c>
      <c r="F17" s="22">
        <v>89</v>
      </c>
      <c r="G17" s="20">
        <v>1210</v>
      </c>
      <c r="H17" s="21">
        <v>1075</v>
      </c>
      <c r="I17" s="22">
        <v>135</v>
      </c>
      <c r="J17" s="20">
        <v>1640</v>
      </c>
      <c r="K17" s="21">
        <v>1380</v>
      </c>
      <c r="L17" s="22">
        <v>260</v>
      </c>
      <c r="M17" s="20">
        <v>1363</v>
      </c>
      <c r="N17" s="21">
        <v>1257</v>
      </c>
      <c r="O17" s="22">
        <v>106</v>
      </c>
      <c r="P17" s="20">
        <v>1523</v>
      </c>
      <c r="Q17" s="21">
        <v>1415</v>
      </c>
      <c r="R17" s="22">
        <v>108</v>
      </c>
      <c r="S17" s="23">
        <v>1592</v>
      </c>
      <c r="T17" s="21">
        <v>1519</v>
      </c>
      <c r="U17" s="22">
        <v>73</v>
      </c>
      <c r="V17" s="20">
        <v>1599</v>
      </c>
      <c r="W17" s="21">
        <v>1512</v>
      </c>
      <c r="X17" s="22">
        <v>87</v>
      </c>
      <c r="Y17" s="20">
        <v>1506</v>
      </c>
      <c r="Z17" s="21">
        <v>1426</v>
      </c>
      <c r="AA17" s="24">
        <v>80</v>
      </c>
      <c r="AB17" s="20">
        <v>1309</v>
      </c>
      <c r="AC17" s="21">
        <v>1242</v>
      </c>
      <c r="AD17" s="22">
        <v>67</v>
      </c>
      <c r="AE17" s="20">
        <v>1124</v>
      </c>
      <c r="AF17" s="21">
        <v>1079</v>
      </c>
      <c r="AG17" s="22">
        <v>45</v>
      </c>
    </row>
    <row r="18" spans="1:33" ht="15" customHeight="1" x14ac:dyDescent="0.2">
      <c r="A18" s="60"/>
      <c r="B18" s="30"/>
      <c r="C18" s="31" t="s">
        <v>29</v>
      </c>
      <c r="D18" s="32"/>
      <c r="E18" s="33"/>
      <c r="F18" s="34"/>
      <c r="G18" s="32"/>
      <c r="H18" s="33"/>
      <c r="I18" s="34"/>
      <c r="J18" s="32"/>
      <c r="K18" s="33"/>
      <c r="L18" s="34"/>
      <c r="M18" s="20">
        <v>166</v>
      </c>
      <c r="N18" s="21">
        <v>140</v>
      </c>
      <c r="O18" s="22">
        <v>26</v>
      </c>
      <c r="P18" s="20">
        <v>226</v>
      </c>
      <c r="Q18" s="21">
        <v>183</v>
      </c>
      <c r="R18" s="22">
        <v>43</v>
      </c>
      <c r="S18" s="23">
        <v>222</v>
      </c>
      <c r="T18" s="21">
        <v>188</v>
      </c>
      <c r="U18" s="22">
        <v>34</v>
      </c>
      <c r="V18" s="20">
        <v>226</v>
      </c>
      <c r="W18" s="21">
        <v>188</v>
      </c>
      <c r="X18" s="22">
        <v>38</v>
      </c>
      <c r="Y18" s="20">
        <v>185</v>
      </c>
      <c r="Z18" s="21">
        <v>155</v>
      </c>
      <c r="AA18" s="24">
        <v>30</v>
      </c>
      <c r="AB18" s="20">
        <v>241</v>
      </c>
      <c r="AC18" s="21">
        <v>201</v>
      </c>
      <c r="AD18" s="22">
        <v>40</v>
      </c>
      <c r="AE18" s="20">
        <v>217</v>
      </c>
      <c r="AF18" s="21">
        <v>192</v>
      </c>
      <c r="AG18" s="22">
        <v>25</v>
      </c>
    </row>
    <row r="19" spans="1:33" ht="15" customHeight="1" x14ac:dyDescent="0.2">
      <c r="A19" s="60"/>
      <c r="B19" s="30"/>
      <c r="C19" s="31" t="s">
        <v>30</v>
      </c>
      <c r="D19" s="32"/>
      <c r="E19" s="33"/>
      <c r="F19" s="34"/>
      <c r="G19" s="32"/>
      <c r="H19" s="33"/>
      <c r="I19" s="34"/>
      <c r="J19" s="32"/>
      <c r="K19" s="33"/>
      <c r="L19" s="34"/>
      <c r="M19" s="20">
        <v>746</v>
      </c>
      <c r="N19" s="21">
        <v>528</v>
      </c>
      <c r="O19" s="22">
        <v>218</v>
      </c>
      <c r="P19" s="20">
        <v>1055</v>
      </c>
      <c r="Q19" s="21">
        <v>809</v>
      </c>
      <c r="R19" s="22">
        <v>246</v>
      </c>
      <c r="S19" s="23">
        <v>1218</v>
      </c>
      <c r="T19" s="21">
        <v>1015</v>
      </c>
      <c r="U19" s="22">
        <v>203</v>
      </c>
      <c r="V19" s="20">
        <v>1172</v>
      </c>
      <c r="W19" s="21">
        <v>1030</v>
      </c>
      <c r="X19" s="22">
        <v>142</v>
      </c>
      <c r="Y19" s="20">
        <v>1217</v>
      </c>
      <c r="Z19" s="21">
        <v>1025</v>
      </c>
      <c r="AA19" s="24">
        <v>192</v>
      </c>
      <c r="AB19" s="20">
        <v>1315</v>
      </c>
      <c r="AC19" s="21">
        <v>1078</v>
      </c>
      <c r="AD19" s="22">
        <v>237</v>
      </c>
      <c r="AE19" s="20">
        <v>1228</v>
      </c>
      <c r="AF19" s="21">
        <v>1025</v>
      </c>
      <c r="AG19" s="22">
        <v>203</v>
      </c>
    </row>
    <row r="20" spans="1:33" ht="15" customHeight="1" x14ac:dyDescent="0.2">
      <c r="A20" s="60"/>
      <c r="B20" s="30"/>
      <c r="C20" s="31" t="s">
        <v>31</v>
      </c>
      <c r="D20" s="32"/>
      <c r="E20" s="33"/>
      <c r="F20" s="34"/>
      <c r="G20" s="32"/>
      <c r="H20" s="33"/>
      <c r="I20" s="34"/>
      <c r="J20" s="32"/>
      <c r="K20" s="33"/>
      <c r="L20" s="34"/>
      <c r="M20" s="32"/>
      <c r="N20" s="33"/>
      <c r="O20" s="34"/>
      <c r="P20" s="32"/>
      <c r="Q20" s="33"/>
      <c r="R20" s="34"/>
      <c r="S20" s="23">
        <v>104</v>
      </c>
      <c r="T20" s="21">
        <v>72</v>
      </c>
      <c r="U20" s="22">
        <v>32</v>
      </c>
      <c r="V20" s="20">
        <v>91</v>
      </c>
      <c r="W20" s="21">
        <v>69</v>
      </c>
      <c r="X20" s="22">
        <v>22</v>
      </c>
      <c r="Y20" s="20">
        <v>93</v>
      </c>
      <c r="Z20" s="21">
        <v>73</v>
      </c>
      <c r="AA20" s="24">
        <v>20</v>
      </c>
      <c r="AB20" s="20">
        <v>137</v>
      </c>
      <c r="AC20" s="21">
        <v>117</v>
      </c>
      <c r="AD20" s="22">
        <v>20</v>
      </c>
      <c r="AE20" s="20">
        <v>145</v>
      </c>
      <c r="AF20" s="21">
        <v>130</v>
      </c>
      <c r="AG20" s="22">
        <v>15</v>
      </c>
    </row>
    <row r="21" spans="1:33" ht="15" customHeight="1" x14ac:dyDescent="0.2">
      <c r="A21" s="60"/>
      <c r="B21" s="54" t="s">
        <v>32</v>
      </c>
      <c r="C21" s="55"/>
      <c r="D21" s="20">
        <v>30</v>
      </c>
      <c r="E21" s="21">
        <v>21</v>
      </c>
      <c r="F21" s="22">
        <v>9</v>
      </c>
      <c r="G21" s="20">
        <v>99</v>
      </c>
      <c r="H21" s="21">
        <v>72</v>
      </c>
      <c r="I21" s="22">
        <v>27</v>
      </c>
      <c r="J21" s="20">
        <v>124</v>
      </c>
      <c r="K21" s="21">
        <v>84</v>
      </c>
      <c r="L21" s="22">
        <v>40</v>
      </c>
      <c r="M21" s="20">
        <v>222</v>
      </c>
      <c r="N21" s="21">
        <v>174</v>
      </c>
      <c r="O21" s="22">
        <v>48</v>
      </c>
      <c r="P21" s="20">
        <v>388</v>
      </c>
      <c r="Q21" s="21">
        <v>314</v>
      </c>
      <c r="R21" s="22">
        <v>74</v>
      </c>
      <c r="S21" s="23">
        <v>482</v>
      </c>
      <c r="T21" s="21">
        <v>409</v>
      </c>
      <c r="U21" s="22">
        <v>73</v>
      </c>
      <c r="V21" s="20">
        <v>615</v>
      </c>
      <c r="W21" s="21">
        <v>552</v>
      </c>
      <c r="X21" s="22">
        <v>63</v>
      </c>
      <c r="Y21" s="20">
        <v>635</v>
      </c>
      <c r="Z21" s="21">
        <v>582</v>
      </c>
      <c r="AA21" s="24">
        <v>53</v>
      </c>
      <c r="AB21" s="20">
        <v>627</v>
      </c>
      <c r="AC21" s="21">
        <v>595</v>
      </c>
      <c r="AD21" s="22">
        <v>32</v>
      </c>
      <c r="AE21" s="20">
        <v>632</v>
      </c>
      <c r="AF21" s="21">
        <v>599</v>
      </c>
      <c r="AG21" s="22">
        <v>33</v>
      </c>
    </row>
    <row r="22" spans="1:33" ht="15" customHeight="1" x14ac:dyDescent="0.2">
      <c r="A22" s="60"/>
      <c r="B22" s="54" t="s">
        <v>33</v>
      </c>
      <c r="C22" s="55"/>
      <c r="D22" s="20">
        <v>0</v>
      </c>
      <c r="E22" s="21"/>
      <c r="F22" s="22"/>
      <c r="G22" s="20">
        <v>22</v>
      </c>
      <c r="H22" s="21">
        <v>15</v>
      </c>
      <c r="I22" s="22">
        <v>7</v>
      </c>
      <c r="J22" s="20">
        <v>32</v>
      </c>
      <c r="K22" s="21">
        <v>17</v>
      </c>
      <c r="L22" s="22">
        <v>15</v>
      </c>
      <c r="M22" s="20">
        <v>32</v>
      </c>
      <c r="N22" s="21">
        <v>20</v>
      </c>
      <c r="O22" s="22">
        <v>12</v>
      </c>
      <c r="P22" s="20">
        <v>34</v>
      </c>
      <c r="Q22" s="21">
        <v>20</v>
      </c>
      <c r="R22" s="22">
        <v>14</v>
      </c>
      <c r="S22" s="23">
        <v>26</v>
      </c>
      <c r="T22" s="21">
        <v>19</v>
      </c>
      <c r="U22" s="22">
        <v>7</v>
      </c>
      <c r="V22" s="20">
        <v>33</v>
      </c>
      <c r="W22" s="21">
        <v>25</v>
      </c>
      <c r="X22" s="22">
        <v>8</v>
      </c>
      <c r="Y22" s="20">
        <v>41</v>
      </c>
      <c r="Z22" s="21">
        <v>33</v>
      </c>
      <c r="AA22" s="24">
        <v>8</v>
      </c>
      <c r="AB22" s="20">
        <v>39</v>
      </c>
      <c r="AC22" s="21">
        <v>31</v>
      </c>
      <c r="AD22" s="22">
        <v>8</v>
      </c>
      <c r="AE22" s="20">
        <v>36</v>
      </c>
      <c r="AF22" s="21">
        <v>30</v>
      </c>
      <c r="AG22" s="22">
        <v>6</v>
      </c>
    </row>
    <row r="23" spans="1:33" ht="15" customHeight="1" x14ac:dyDescent="0.2">
      <c r="A23" s="60"/>
      <c r="B23" s="54" t="s">
        <v>34</v>
      </c>
      <c r="C23" s="55"/>
      <c r="D23" s="20">
        <v>28</v>
      </c>
      <c r="E23" s="21">
        <v>8</v>
      </c>
      <c r="F23" s="22">
        <v>20</v>
      </c>
      <c r="G23" s="20">
        <v>79</v>
      </c>
      <c r="H23" s="21">
        <v>33</v>
      </c>
      <c r="I23" s="22">
        <v>46</v>
      </c>
      <c r="J23" s="20">
        <v>113</v>
      </c>
      <c r="K23" s="21">
        <v>64</v>
      </c>
      <c r="L23" s="22">
        <v>49</v>
      </c>
      <c r="M23" s="20">
        <v>149</v>
      </c>
      <c r="N23" s="21">
        <v>71</v>
      </c>
      <c r="O23" s="22">
        <v>78</v>
      </c>
      <c r="P23" s="20">
        <v>215</v>
      </c>
      <c r="Q23" s="21">
        <v>104</v>
      </c>
      <c r="R23" s="22">
        <v>111</v>
      </c>
      <c r="S23" s="23">
        <v>205</v>
      </c>
      <c r="T23" s="21">
        <v>116</v>
      </c>
      <c r="U23" s="22">
        <v>89</v>
      </c>
      <c r="V23" s="20">
        <v>196</v>
      </c>
      <c r="W23" s="21">
        <v>111</v>
      </c>
      <c r="X23" s="22">
        <v>85</v>
      </c>
      <c r="Y23" s="20">
        <v>183</v>
      </c>
      <c r="Z23" s="21">
        <v>123</v>
      </c>
      <c r="AA23" s="24">
        <v>60</v>
      </c>
      <c r="AB23" s="20">
        <v>167</v>
      </c>
      <c r="AC23" s="21">
        <v>115</v>
      </c>
      <c r="AD23" s="22">
        <v>52</v>
      </c>
      <c r="AE23" s="20">
        <v>170</v>
      </c>
      <c r="AF23" s="21">
        <v>128</v>
      </c>
      <c r="AG23" s="22">
        <v>42</v>
      </c>
    </row>
    <row r="24" spans="1:33" ht="15" customHeight="1" x14ac:dyDescent="0.2">
      <c r="A24" s="60"/>
      <c r="B24" s="54" t="s">
        <v>35</v>
      </c>
      <c r="C24" s="55"/>
      <c r="D24" s="35">
        <v>0</v>
      </c>
      <c r="E24" s="36">
        <v>0</v>
      </c>
      <c r="F24" s="37">
        <v>0</v>
      </c>
      <c r="G24" s="35">
        <v>0</v>
      </c>
      <c r="H24" s="36">
        <v>0</v>
      </c>
      <c r="I24" s="37">
        <v>0</v>
      </c>
      <c r="J24" s="35">
        <v>0</v>
      </c>
      <c r="K24" s="36">
        <v>0</v>
      </c>
      <c r="L24" s="37">
        <v>0</v>
      </c>
      <c r="M24" s="20">
        <v>18</v>
      </c>
      <c r="N24" s="21">
        <v>18</v>
      </c>
      <c r="O24" s="22">
        <v>0</v>
      </c>
      <c r="P24" s="20">
        <v>36</v>
      </c>
      <c r="Q24" s="21">
        <v>35</v>
      </c>
      <c r="R24" s="22">
        <v>1</v>
      </c>
      <c r="S24" s="23">
        <v>38</v>
      </c>
      <c r="T24" s="21">
        <v>32</v>
      </c>
      <c r="U24" s="22">
        <v>6</v>
      </c>
      <c r="V24" s="20">
        <v>37</v>
      </c>
      <c r="W24" s="21">
        <v>25</v>
      </c>
      <c r="X24" s="22">
        <v>12</v>
      </c>
      <c r="Y24" s="20">
        <v>36</v>
      </c>
      <c r="Z24" s="21">
        <v>28</v>
      </c>
      <c r="AA24" s="24">
        <v>8</v>
      </c>
      <c r="AB24" s="20">
        <v>33</v>
      </c>
      <c r="AC24" s="21">
        <v>28</v>
      </c>
      <c r="AD24" s="22">
        <v>5</v>
      </c>
      <c r="AE24" s="20">
        <v>42</v>
      </c>
      <c r="AF24" s="21">
        <v>38</v>
      </c>
      <c r="AG24" s="22">
        <v>4</v>
      </c>
    </row>
    <row r="25" spans="1:33" ht="15" customHeight="1" x14ac:dyDescent="0.2">
      <c r="A25" s="60"/>
      <c r="B25" s="54" t="s">
        <v>36</v>
      </c>
      <c r="C25" s="55"/>
      <c r="D25" s="35">
        <v>0</v>
      </c>
      <c r="E25" s="36">
        <v>0</v>
      </c>
      <c r="F25" s="37">
        <v>0</v>
      </c>
      <c r="G25" s="35">
        <v>0</v>
      </c>
      <c r="H25" s="36">
        <v>0</v>
      </c>
      <c r="I25" s="37">
        <v>0</v>
      </c>
      <c r="J25" s="35">
        <v>0</v>
      </c>
      <c r="K25" s="36">
        <v>0</v>
      </c>
      <c r="L25" s="37">
        <v>0</v>
      </c>
      <c r="M25" s="20">
        <v>12</v>
      </c>
      <c r="N25" s="21">
        <v>11</v>
      </c>
      <c r="O25" s="22">
        <v>1</v>
      </c>
      <c r="P25" s="20">
        <v>25</v>
      </c>
      <c r="Q25" s="21">
        <v>15</v>
      </c>
      <c r="R25" s="22">
        <v>10</v>
      </c>
      <c r="S25" s="23">
        <v>44</v>
      </c>
      <c r="T25" s="21">
        <v>28</v>
      </c>
      <c r="U25" s="22">
        <v>16</v>
      </c>
      <c r="V25" s="20">
        <v>57</v>
      </c>
      <c r="W25" s="21">
        <v>35</v>
      </c>
      <c r="X25" s="22">
        <v>22</v>
      </c>
      <c r="Y25" s="20">
        <v>59</v>
      </c>
      <c r="Z25" s="21">
        <v>29</v>
      </c>
      <c r="AA25" s="24">
        <v>30</v>
      </c>
      <c r="AB25" s="20">
        <v>48</v>
      </c>
      <c r="AC25" s="21">
        <v>24</v>
      </c>
      <c r="AD25" s="22">
        <v>24</v>
      </c>
      <c r="AE25" s="20">
        <v>34</v>
      </c>
      <c r="AF25" s="21">
        <v>26</v>
      </c>
      <c r="AG25" s="22">
        <v>8</v>
      </c>
    </row>
    <row r="26" spans="1:33" ht="15" customHeight="1" x14ac:dyDescent="0.2">
      <c r="A26" s="60"/>
      <c r="B26" s="54" t="s">
        <v>37</v>
      </c>
      <c r="C26" s="55"/>
      <c r="D26" s="35">
        <v>0</v>
      </c>
      <c r="E26" s="36">
        <v>0</v>
      </c>
      <c r="F26" s="37">
        <v>0</v>
      </c>
      <c r="G26" s="20">
        <v>24</v>
      </c>
      <c r="H26" s="21">
        <v>21</v>
      </c>
      <c r="I26" s="22">
        <v>3</v>
      </c>
      <c r="J26" s="20">
        <v>38</v>
      </c>
      <c r="K26" s="21">
        <v>32</v>
      </c>
      <c r="L26" s="22">
        <v>6</v>
      </c>
      <c r="M26" s="20">
        <v>46</v>
      </c>
      <c r="N26" s="21">
        <v>41</v>
      </c>
      <c r="O26" s="22">
        <v>5</v>
      </c>
      <c r="P26" s="20">
        <v>66</v>
      </c>
      <c r="Q26" s="21">
        <v>50</v>
      </c>
      <c r="R26" s="22">
        <v>16</v>
      </c>
      <c r="S26" s="23">
        <v>78</v>
      </c>
      <c r="T26" s="21">
        <v>67</v>
      </c>
      <c r="U26" s="22">
        <v>11</v>
      </c>
      <c r="V26" s="20">
        <v>65</v>
      </c>
      <c r="W26" s="21">
        <v>64</v>
      </c>
      <c r="X26" s="22">
        <v>1</v>
      </c>
      <c r="Y26" s="20">
        <v>80</v>
      </c>
      <c r="Z26" s="21">
        <v>73</v>
      </c>
      <c r="AA26" s="24">
        <v>7</v>
      </c>
      <c r="AB26" s="20">
        <v>68</v>
      </c>
      <c r="AC26" s="21">
        <v>63</v>
      </c>
      <c r="AD26" s="22">
        <v>5</v>
      </c>
      <c r="AE26" s="20">
        <v>77</v>
      </c>
      <c r="AF26" s="21">
        <v>66</v>
      </c>
      <c r="AG26" s="22">
        <v>11</v>
      </c>
    </row>
    <row r="27" spans="1:33" ht="15" customHeight="1" x14ac:dyDescent="0.2">
      <c r="A27" s="60"/>
      <c r="B27" s="54" t="s">
        <v>38</v>
      </c>
      <c r="C27" s="55"/>
      <c r="D27" s="20">
        <v>72</v>
      </c>
      <c r="E27" s="21">
        <v>38</v>
      </c>
      <c r="F27" s="22">
        <v>34</v>
      </c>
      <c r="G27" s="20">
        <v>91</v>
      </c>
      <c r="H27" s="21">
        <v>49</v>
      </c>
      <c r="I27" s="22">
        <v>42</v>
      </c>
      <c r="J27" s="20">
        <v>118</v>
      </c>
      <c r="K27" s="21">
        <v>83</v>
      </c>
      <c r="L27" s="22">
        <v>35</v>
      </c>
      <c r="M27" s="20">
        <v>111</v>
      </c>
      <c r="N27" s="21">
        <v>74</v>
      </c>
      <c r="O27" s="22">
        <v>37</v>
      </c>
      <c r="P27" s="20">
        <v>138</v>
      </c>
      <c r="Q27" s="21">
        <v>106</v>
      </c>
      <c r="R27" s="22">
        <v>32</v>
      </c>
      <c r="S27" s="23">
        <v>148</v>
      </c>
      <c r="T27" s="21">
        <v>113</v>
      </c>
      <c r="U27" s="22">
        <v>35</v>
      </c>
      <c r="V27" s="20">
        <v>172</v>
      </c>
      <c r="W27" s="21">
        <v>126</v>
      </c>
      <c r="X27" s="22">
        <v>46</v>
      </c>
      <c r="Y27" s="20">
        <v>166</v>
      </c>
      <c r="Z27" s="21">
        <v>124</v>
      </c>
      <c r="AA27" s="24">
        <v>42</v>
      </c>
      <c r="AB27" s="20">
        <v>123</v>
      </c>
      <c r="AC27" s="21">
        <v>100</v>
      </c>
      <c r="AD27" s="22">
        <v>23</v>
      </c>
      <c r="AE27" s="20">
        <v>105</v>
      </c>
      <c r="AF27" s="21">
        <v>89</v>
      </c>
      <c r="AG27" s="22">
        <v>16</v>
      </c>
    </row>
    <row r="28" spans="1:33" ht="15" hidden="1" customHeight="1" x14ac:dyDescent="0.2">
      <c r="A28" s="60"/>
      <c r="B28" s="54" t="s">
        <v>39</v>
      </c>
      <c r="C28" s="55"/>
      <c r="D28" s="20">
        <v>4200</v>
      </c>
      <c r="E28" s="21">
        <v>3394</v>
      </c>
      <c r="F28" s="22">
        <v>806</v>
      </c>
      <c r="G28" s="20">
        <v>9722</v>
      </c>
      <c r="H28" s="21">
        <v>8371</v>
      </c>
      <c r="I28" s="22">
        <v>1351</v>
      </c>
      <c r="J28" s="20">
        <v>11764</v>
      </c>
      <c r="K28" s="21">
        <v>10139</v>
      </c>
      <c r="L28" s="22">
        <v>1625</v>
      </c>
      <c r="M28" s="20">
        <v>14146</v>
      </c>
      <c r="N28" s="21">
        <v>11750</v>
      </c>
      <c r="O28" s="22">
        <v>2396</v>
      </c>
      <c r="P28" s="20">
        <v>16438</v>
      </c>
      <c r="Q28" s="21">
        <v>13407</v>
      </c>
      <c r="R28" s="22">
        <v>3031</v>
      </c>
      <c r="S28" s="23">
        <v>16154</v>
      </c>
      <c r="T28" s="21">
        <v>13710</v>
      </c>
      <c r="U28" s="22">
        <v>2444</v>
      </c>
      <c r="V28" s="20">
        <v>15469</v>
      </c>
      <c r="W28" s="21">
        <v>13536</v>
      </c>
      <c r="X28" s="22">
        <v>1933</v>
      </c>
      <c r="Y28" s="20">
        <v>14243</v>
      </c>
      <c r="Z28" s="21">
        <v>12470</v>
      </c>
      <c r="AA28" s="24">
        <v>1773</v>
      </c>
      <c r="AB28" s="20">
        <v>13330</v>
      </c>
      <c r="AC28" s="21">
        <v>11803</v>
      </c>
      <c r="AD28" s="22">
        <v>1527</v>
      </c>
      <c r="AE28" s="20"/>
      <c r="AF28" s="21"/>
      <c r="AG28" s="22"/>
    </row>
    <row r="29" spans="1:33" ht="15" customHeight="1" x14ac:dyDescent="0.2">
      <c r="A29" s="60"/>
      <c r="B29" s="54" t="s">
        <v>40</v>
      </c>
      <c r="C29" s="55"/>
      <c r="D29" s="20">
        <v>89</v>
      </c>
      <c r="E29" s="21">
        <v>85</v>
      </c>
      <c r="F29" s="22">
        <v>4</v>
      </c>
      <c r="G29" s="20">
        <v>131</v>
      </c>
      <c r="H29" s="21">
        <v>121</v>
      </c>
      <c r="I29" s="21">
        <v>10</v>
      </c>
      <c r="J29" s="20">
        <v>177</v>
      </c>
      <c r="K29" s="21">
        <v>176</v>
      </c>
      <c r="L29" s="22">
        <v>1</v>
      </c>
      <c r="M29" s="20">
        <v>204</v>
      </c>
      <c r="N29" s="21">
        <v>192</v>
      </c>
      <c r="O29" s="21">
        <v>12</v>
      </c>
      <c r="P29" s="20">
        <v>311</v>
      </c>
      <c r="Q29" s="21">
        <v>284</v>
      </c>
      <c r="R29" s="22">
        <v>27</v>
      </c>
      <c r="S29" s="23">
        <v>287</v>
      </c>
      <c r="T29" s="21">
        <v>270</v>
      </c>
      <c r="U29" s="22">
        <v>17</v>
      </c>
      <c r="V29" s="20">
        <v>218</v>
      </c>
      <c r="W29" s="21">
        <v>199</v>
      </c>
      <c r="X29" s="22">
        <v>19</v>
      </c>
      <c r="Y29" s="20">
        <v>184</v>
      </c>
      <c r="Z29" s="21">
        <v>172</v>
      </c>
      <c r="AA29" s="24">
        <v>12</v>
      </c>
      <c r="AB29" s="20">
        <v>210</v>
      </c>
      <c r="AC29" s="21">
        <v>187</v>
      </c>
      <c r="AD29" s="22">
        <v>23</v>
      </c>
      <c r="AE29" s="20">
        <v>462</v>
      </c>
      <c r="AF29" s="21">
        <v>432</v>
      </c>
      <c r="AG29" s="22">
        <v>30</v>
      </c>
    </row>
    <row r="30" spans="1:33" ht="15" customHeight="1" x14ac:dyDescent="0.2">
      <c r="A30" s="60"/>
      <c r="B30" s="56" t="s">
        <v>41</v>
      </c>
      <c r="C30" s="57"/>
      <c r="D30" s="25">
        <v>0</v>
      </c>
      <c r="E30" s="26">
        <v>0</v>
      </c>
      <c r="F30" s="27">
        <v>0</v>
      </c>
      <c r="G30" s="25">
        <v>0</v>
      </c>
      <c r="H30" s="26">
        <v>0</v>
      </c>
      <c r="I30" s="29">
        <v>0</v>
      </c>
      <c r="J30" s="25">
        <v>18</v>
      </c>
      <c r="K30" s="26">
        <v>18</v>
      </c>
      <c r="L30" s="27">
        <v>0</v>
      </c>
      <c r="M30" s="20">
        <v>23</v>
      </c>
      <c r="N30" s="21">
        <v>23</v>
      </c>
      <c r="O30" s="22">
        <v>0</v>
      </c>
      <c r="P30" s="25">
        <v>27</v>
      </c>
      <c r="Q30" s="26">
        <v>26</v>
      </c>
      <c r="R30" s="27">
        <v>1</v>
      </c>
      <c r="S30" s="28">
        <v>20</v>
      </c>
      <c r="T30" s="26">
        <v>20</v>
      </c>
      <c r="U30" s="27">
        <v>0</v>
      </c>
      <c r="V30" s="25">
        <v>44</v>
      </c>
      <c r="W30" s="26">
        <v>42</v>
      </c>
      <c r="X30" s="27">
        <v>2</v>
      </c>
      <c r="Y30" s="25">
        <v>41</v>
      </c>
      <c r="Z30" s="26">
        <v>39</v>
      </c>
      <c r="AA30" s="29">
        <v>2</v>
      </c>
      <c r="AB30" s="25">
        <v>129</v>
      </c>
      <c r="AC30" s="26">
        <v>114</v>
      </c>
      <c r="AD30" s="27">
        <v>15</v>
      </c>
      <c r="AE30" s="25">
        <v>48</v>
      </c>
      <c r="AF30" s="26">
        <v>42</v>
      </c>
      <c r="AG30" s="27">
        <v>6</v>
      </c>
    </row>
    <row r="31" spans="1:33" ht="15" customHeight="1" x14ac:dyDescent="0.2">
      <c r="A31" s="60" t="s">
        <v>42</v>
      </c>
      <c r="B31" s="61" t="s">
        <v>16</v>
      </c>
      <c r="C31" s="62"/>
      <c r="D31" s="15">
        <v>925</v>
      </c>
      <c r="E31" s="16">
        <v>913</v>
      </c>
      <c r="F31" s="17">
        <v>12</v>
      </c>
      <c r="G31" s="15">
        <v>2441</v>
      </c>
      <c r="H31" s="16">
        <v>1881</v>
      </c>
      <c r="I31" s="17">
        <v>560</v>
      </c>
      <c r="J31" s="15">
        <v>4893</v>
      </c>
      <c r="K31" s="16">
        <v>3438</v>
      </c>
      <c r="L31" s="17">
        <v>1455</v>
      </c>
      <c r="M31" s="15">
        <v>8549</v>
      </c>
      <c r="N31" s="16">
        <v>6778</v>
      </c>
      <c r="O31" s="17">
        <v>1771</v>
      </c>
      <c r="P31" s="15">
        <v>13731</v>
      </c>
      <c r="Q31" s="16">
        <v>11727</v>
      </c>
      <c r="R31" s="17">
        <v>2004</v>
      </c>
      <c r="S31" s="18">
        <v>14881</v>
      </c>
      <c r="T31" s="16">
        <v>13023</v>
      </c>
      <c r="U31" s="17">
        <v>1858</v>
      </c>
      <c r="V31" s="15">
        <v>16667</v>
      </c>
      <c r="W31" s="16">
        <v>14907</v>
      </c>
      <c r="X31" s="17">
        <v>1760</v>
      </c>
      <c r="Y31" s="15">
        <v>16281</v>
      </c>
      <c r="Z31" s="16">
        <v>14541</v>
      </c>
      <c r="AA31" s="19">
        <v>1740</v>
      </c>
      <c r="AB31" s="15">
        <v>16504</v>
      </c>
      <c r="AC31" s="16">
        <v>14806</v>
      </c>
      <c r="AD31" s="17">
        <v>1698</v>
      </c>
      <c r="AE31" s="15">
        <v>17227</v>
      </c>
      <c r="AF31" s="16">
        <v>15725</v>
      </c>
      <c r="AG31" s="17">
        <v>1502</v>
      </c>
    </row>
    <row r="32" spans="1:33" ht="15" customHeight="1" x14ac:dyDescent="0.2">
      <c r="A32" s="60"/>
      <c r="B32" s="54" t="s">
        <v>21</v>
      </c>
      <c r="C32" s="55"/>
      <c r="D32" s="20">
        <v>754</v>
      </c>
      <c r="E32" s="21">
        <v>745</v>
      </c>
      <c r="F32" s="22">
        <v>9</v>
      </c>
      <c r="G32" s="20">
        <v>2174</v>
      </c>
      <c r="H32" s="21">
        <v>1643</v>
      </c>
      <c r="I32" s="22">
        <v>531</v>
      </c>
      <c r="J32" s="20">
        <v>4400</v>
      </c>
      <c r="K32" s="21">
        <v>3030</v>
      </c>
      <c r="L32" s="22">
        <v>1370</v>
      </c>
      <c r="M32" s="20">
        <v>7778</v>
      </c>
      <c r="N32" s="21">
        <v>6112</v>
      </c>
      <c r="O32" s="22">
        <v>1666</v>
      </c>
      <c r="P32" s="20">
        <v>12256</v>
      </c>
      <c r="Q32" s="21">
        <v>10383</v>
      </c>
      <c r="R32" s="22">
        <v>1873</v>
      </c>
      <c r="S32" s="23">
        <v>13317</v>
      </c>
      <c r="T32" s="21">
        <v>11595</v>
      </c>
      <c r="U32" s="22">
        <v>1722</v>
      </c>
      <c r="V32" s="20">
        <v>14950</v>
      </c>
      <c r="W32" s="21">
        <v>13337</v>
      </c>
      <c r="X32" s="22">
        <v>1613</v>
      </c>
      <c r="Y32" s="20">
        <v>14447</v>
      </c>
      <c r="Z32" s="21">
        <v>12876</v>
      </c>
      <c r="AA32" s="24">
        <v>1571</v>
      </c>
      <c r="AB32" s="20">
        <v>14628</v>
      </c>
      <c r="AC32" s="21">
        <v>13097</v>
      </c>
      <c r="AD32" s="22">
        <v>1531</v>
      </c>
      <c r="AE32" s="20">
        <v>15123</v>
      </c>
      <c r="AF32" s="21">
        <v>13783</v>
      </c>
      <c r="AG32" s="22">
        <v>1340</v>
      </c>
    </row>
    <row r="33" spans="1:33" ht="15" customHeight="1" x14ac:dyDescent="0.2">
      <c r="A33" s="60"/>
      <c r="B33" s="30"/>
      <c r="C33" s="31" t="s">
        <v>22</v>
      </c>
      <c r="D33" s="20">
        <v>44</v>
      </c>
      <c r="E33" s="21">
        <v>44</v>
      </c>
      <c r="F33" s="22">
        <v>0</v>
      </c>
      <c r="G33" s="20">
        <v>81</v>
      </c>
      <c r="H33" s="21">
        <v>71</v>
      </c>
      <c r="I33" s="22">
        <v>10</v>
      </c>
      <c r="J33" s="20">
        <v>110</v>
      </c>
      <c r="K33" s="21">
        <v>100</v>
      </c>
      <c r="L33" s="22">
        <v>10</v>
      </c>
      <c r="M33" s="20">
        <v>215</v>
      </c>
      <c r="N33" s="21">
        <v>204</v>
      </c>
      <c r="O33" s="22">
        <v>11</v>
      </c>
      <c r="P33" s="20">
        <v>338</v>
      </c>
      <c r="Q33" s="21">
        <v>294</v>
      </c>
      <c r="R33" s="22">
        <v>44</v>
      </c>
      <c r="S33" s="23">
        <v>345</v>
      </c>
      <c r="T33" s="21">
        <v>284</v>
      </c>
      <c r="U33" s="22">
        <v>61</v>
      </c>
      <c r="V33" s="20">
        <v>402</v>
      </c>
      <c r="W33" s="21">
        <v>355</v>
      </c>
      <c r="X33" s="22">
        <v>47</v>
      </c>
      <c r="Y33" s="20">
        <v>447</v>
      </c>
      <c r="Z33" s="21">
        <v>392</v>
      </c>
      <c r="AA33" s="24">
        <v>55</v>
      </c>
      <c r="AB33" s="20">
        <v>423</v>
      </c>
      <c r="AC33" s="21">
        <v>369</v>
      </c>
      <c r="AD33" s="22">
        <v>54</v>
      </c>
      <c r="AE33" s="20">
        <v>454</v>
      </c>
      <c r="AF33" s="21">
        <v>393</v>
      </c>
      <c r="AG33" s="22">
        <v>61</v>
      </c>
    </row>
    <row r="34" spans="1:33" ht="15" customHeight="1" x14ac:dyDescent="0.2">
      <c r="A34" s="60"/>
      <c r="B34" s="30"/>
      <c r="C34" s="31" t="s">
        <v>23</v>
      </c>
      <c r="D34" s="20">
        <v>255</v>
      </c>
      <c r="E34" s="21">
        <v>248</v>
      </c>
      <c r="F34" s="22">
        <v>7</v>
      </c>
      <c r="G34" s="20">
        <v>1007</v>
      </c>
      <c r="H34" s="21">
        <v>666</v>
      </c>
      <c r="I34" s="22">
        <v>341</v>
      </c>
      <c r="J34" s="20">
        <v>2337</v>
      </c>
      <c r="K34" s="21">
        <v>1217</v>
      </c>
      <c r="L34" s="22">
        <v>1120</v>
      </c>
      <c r="M34" s="20">
        <v>3599</v>
      </c>
      <c r="N34" s="21">
        <v>2221</v>
      </c>
      <c r="O34" s="22">
        <v>1378</v>
      </c>
      <c r="P34" s="20">
        <v>4913</v>
      </c>
      <c r="Q34" s="21">
        <v>3792</v>
      </c>
      <c r="R34" s="22">
        <v>1121</v>
      </c>
      <c r="S34" s="23">
        <v>5515</v>
      </c>
      <c r="T34" s="21">
        <v>4480</v>
      </c>
      <c r="U34" s="22">
        <v>1035</v>
      </c>
      <c r="V34" s="20">
        <v>6307</v>
      </c>
      <c r="W34" s="21">
        <v>5330</v>
      </c>
      <c r="X34" s="22">
        <v>977</v>
      </c>
      <c r="Y34" s="20">
        <v>6208</v>
      </c>
      <c r="Z34" s="21">
        <v>5272</v>
      </c>
      <c r="AA34" s="24">
        <v>936</v>
      </c>
      <c r="AB34" s="20">
        <v>6280</v>
      </c>
      <c r="AC34" s="21">
        <v>5381</v>
      </c>
      <c r="AD34" s="22">
        <v>899</v>
      </c>
      <c r="AE34" s="20">
        <v>6639</v>
      </c>
      <c r="AF34" s="21">
        <v>5836</v>
      </c>
      <c r="AG34" s="22">
        <v>803</v>
      </c>
    </row>
    <row r="35" spans="1:33" ht="15" customHeight="1" x14ac:dyDescent="0.2">
      <c r="A35" s="60"/>
      <c r="B35" s="30"/>
      <c r="C35" s="31" t="s">
        <v>24</v>
      </c>
      <c r="D35" s="20">
        <v>207</v>
      </c>
      <c r="E35" s="21">
        <v>207</v>
      </c>
      <c r="F35" s="22">
        <v>0</v>
      </c>
      <c r="G35" s="20">
        <v>484</v>
      </c>
      <c r="H35" s="21">
        <v>353</v>
      </c>
      <c r="I35" s="22">
        <v>131</v>
      </c>
      <c r="J35" s="20">
        <v>695</v>
      </c>
      <c r="K35" s="21">
        <v>578</v>
      </c>
      <c r="L35" s="22">
        <v>117</v>
      </c>
      <c r="M35" s="20">
        <v>1278</v>
      </c>
      <c r="N35" s="21">
        <v>1092</v>
      </c>
      <c r="O35" s="22">
        <v>186</v>
      </c>
      <c r="P35" s="20">
        <v>1824</v>
      </c>
      <c r="Q35" s="21">
        <v>1622</v>
      </c>
      <c r="R35" s="22">
        <v>202</v>
      </c>
      <c r="S35" s="23">
        <v>1849</v>
      </c>
      <c r="T35" s="21">
        <v>1732</v>
      </c>
      <c r="U35" s="22">
        <v>117</v>
      </c>
      <c r="V35" s="20">
        <v>1983</v>
      </c>
      <c r="W35" s="21">
        <v>1832</v>
      </c>
      <c r="X35" s="22">
        <v>151</v>
      </c>
      <c r="Y35" s="20">
        <v>1867</v>
      </c>
      <c r="Z35" s="21">
        <v>1716</v>
      </c>
      <c r="AA35" s="24">
        <v>151</v>
      </c>
      <c r="AB35" s="20">
        <v>1970</v>
      </c>
      <c r="AC35" s="21">
        <v>1766</v>
      </c>
      <c r="AD35" s="22">
        <v>204</v>
      </c>
      <c r="AE35" s="20">
        <v>1954</v>
      </c>
      <c r="AF35" s="21">
        <v>1835</v>
      </c>
      <c r="AG35" s="22">
        <v>119</v>
      </c>
    </row>
    <row r="36" spans="1:33" ht="15" customHeight="1" x14ac:dyDescent="0.2">
      <c r="A36" s="60"/>
      <c r="B36" s="30"/>
      <c r="C36" s="31" t="s">
        <v>25</v>
      </c>
      <c r="D36" s="20">
        <v>55</v>
      </c>
      <c r="E36" s="21">
        <v>55</v>
      </c>
      <c r="F36" s="22">
        <v>0</v>
      </c>
      <c r="G36" s="20">
        <v>93</v>
      </c>
      <c r="H36" s="21">
        <v>93</v>
      </c>
      <c r="I36" s="22">
        <v>0</v>
      </c>
      <c r="J36" s="20">
        <v>201</v>
      </c>
      <c r="K36" s="21">
        <v>193</v>
      </c>
      <c r="L36" s="22">
        <v>8</v>
      </c>
      <c r="M36" s="20">
        <v>330</v>
      </c>
      <c r="N36" s="21">
        <v>326</v>
      </c>
      <c r="O36" s="22">
        <v>4</v>
      </c>
      <c r="P36" s="20">
        <v>490</v>
      </c>
      <c r="Q36" s="21">
        <v>468</v>
      </c>
      <c r="R36" s="22">
        <v>22</v>
      </c>
      <c r="S36" s="23">
        <v>510</v>
      </c>
      <c r="T36" s="21">
        <v>490</v>
      </c>
      <c r="U36" s="22">
        <v>20</v>
      </c>
      <c r="V36" s="20">
        <v>535</v>
      </c>
      <c r="W36" s="21">
        <v>507</v>
      </c>
      <c r="X36" s="22">
        <v>28</v>
      </c>
      <c r="Y36" s="20">
        <v>450</v>
      </c>
      <c r="Z36" s="21">
        <v>433</v>
      </c>
      <c r="AA36" s="24">
        <v>17</v>
      </c>
      <c r="AB36" s="20">
        <v>476</v>
      </c>
      <c r="AC36" s="21">
        <v>454</v>
      </c>
      <c r="AD36" s="22">
        <v>22</v>
      </c>
      <c r="AE36" s="20">
        <v>446</v>
      </c>
      <c r="AF36" s="21">
        <v>430</v>
      </c>
      <c r="AG36" s="22">
        <v>16</v>
      </c>
    </row>
    <row r="37" spans="1:33" ht="15" customHeight="1" x14ac:dyDescent="0.2">
      <c r="A37" s="60"/>
      <c r="B37" s="30"/>
      <c r="C37" s="31" t="s">
        <v>26</v>
      </c>
      <c r="D37" s="20">
        <v>41</v>
      </c>
      <c r="E37" s="21">
        <v>41</v>
      </c>
      <c r="F37" s="22">
        <v>0</v>
      </c>
      <c r="G37" s="20">
        <v>110</v>
      </c>
      <c r="H37" s="21">
        <v>104</v>
      </c>
      <c r="I37" s="22">
        <v>6</v>
      </c>
      <c r="J37" s="20">
        <v>174</v>
      </c>
      <c r="K37" s="21">
        <v>172</v>
      </c>
      <c r="L37" s="22">
        <v>2</v>
      </c>
      <c r="M37" s="20">
        <v>352</v>
      </c>
      <c r="N37" s="21">
        <v>345</v>
      </c>
      <c r="O37" s="22">
        <v>7</v>
      </c>
      <c r="P37" s="20">
        <v>548</v>
      </c>
      <c r="Q37" s="21">
        <v>508</v>
      </c>
      <c r="R37" s="22">
        <v>40</v>
      </c>
      <c r="S37" s="23">
        <v>401</v>
      </c>
      <c r="T37" s="21">
        <v>365</v>
      </c>
      <c r="U37" s="22">
        <v>36</v>
      </c>
      <c r="V37" s="20">
        <v>426</v>
      </c>
      <c r="W37" s="21">
        <v>392</v>
      </c>
      <c r="X37" s="22">
        <v>34</v>
      </c>
      <c r="Y37" s="20">
        <v>351</v>
      </c>
      <c r="Z37" s="21">
        <v>306</v>
      </c>
      <c r="AA37" s="24">
        <v>45</v>
      </c>
      <c r="AB37" s="20">
        <v>345</v>
      </c>
      <c r="AC37" s="21">
        <v>308</v>
      </c>
      <c r="AD37" s="22">
        <v>37</v>
      </c>
      <c r="AE37" s="20">
        <v>350</v>
      </c>
      <c r="AF37" s="21">
        <v>316</v>
      </c>
      <c r="AG37" s="22">
        <v>34</v>
      </c>
    </row>
    <row r="38" spans="1:33" ht="15" customHeight="1" x14ac:dyDescent="0.2">
      <c r="A38" s="60"/>
      <c r="B38" s="30"/>
      <c r="C38" s="31" t="s">
        <v>27</v>
      </c>
      <c r="D38" s="20">
        <v>17</v>
      </c>
      <c r="E38" s="21">
        <v>17</v>
      </c>
      <c r="F38" s="22">
        <v>0</v>
      </c>
      <c r="G38" s="20">
        <v>34</v>
      </c>
      <c r="H38" s="21">
        <v>34</v>
      </c>
      <c r="I38" s="22">
        <v>0</v>
      </c>
      <c r="J38" s="20">
        <v>58</v>
      </c>
      <c r="K38" s="21">
        <v>58</v>
      </c>
      <c r="L38" s="22">
        <v>0</v>
      </c>
      <c r="M38" s="20">
        <v>155</v>
      </c>
      <c r="N38" s="21">
        <v>153</v>
      </c>
      <c r="O38" s="22">
        <v>2</v>
      </c>
      <c r="P38" s="20">
        <v>264</v>
      </c>
      <c r="Q38" s="21">
        <v>234</v>
      </c>
      <c r="R38" s="22">
        <v>30</v>
      </c>
      <c r="S38" s="23">
        <v>263</v>
      </c>
      <c r="T38" s="21">
        <v>233</v>
      </c>
      <c r="U38" s="22">
        <v>30</v>
      </c>
      <c r="V38" s="20">
        <v>259</v>
      </c>
      <c r="W38" s="21">
        <v>232</v>
      </c>
      <c r="X38" s="22">
        <v>27</v>
      </c>
      <c r="Y38" s="20">
        <v>243</v>
      </c>
      <c r="Z38" s="21">
        <v>212</v>
      </c>
      <c r="AA38" s="24">
        <v>31</v>
      </c>
      <c r="AB38" s="20">
        <v>221</v>
      </c>
      <c r="AC38" s="21">
        <v>207</v>
      </c>
      <c r="AD38" s="22">
        <v>14</v>
      </c>
      <c r="AE38" s="20">
        <v>209</v>
      </c>
      <c r="AF38" s="21">
        <v>196</v>
      </c>
      <c r="AG38" s="22">
        <v>13</v>
      </c>
    </row>
    <row r="39" spans="1:33" ht="15" customHeight="1" x14ac:dyDescent="0.2">
      <c r="A39" s="60"/>
      <c r="B39" s="30"/>
      <c r="C39" s="31" t="s">
        <v>28</v>
      </c>
      <c r="D39" s="20">
        <v>135</v>
      </c>
      <c r="E39" s="21">
        <v>133</v>
      </c>
      <c r="F39" s="22">
        <v>2</v>
      </c>
      <c r="G39" s="20">
        <v>365</v>
      </c>
      <c r="H39" s="21">
        <v>322</v>
      </c>
      <c r="I39" s="22">
        <v>43</v>
      </c>
      <c r="J39" s="20">
        <v>825</v>
      </c>
      <c r="K39" s="21">
        <v>712</v>
      </c>
      <c r="L39" s="22">
        <v>113</v>
      </c>
      <c r="M39" s="20">
        <v>768</v>
      </c>
      <c r="N39" s="21">
        <v>732</v>
      </c>
      <c r="O39" s="22">
        <v>36</v>
      </c>
      <c r="P39" s="20">
        <v>1409</v>
      </c>
      <c r="Q39" s="21">
        <v>1295</v>
      </c>
      <c r="R39" s="22">
        <v>114</v>
      </c>
      <c r="S39" s="23">
        <v>1428</v>
      </c>
      <c r="T39" s="21">
        <v>1333</v>
      </c>
      <c r="U39" s="22">
        <v>95</v>
      </c>
      <c r="V39" s="20">
        <v>1551</v>
      </c>
      <c r="W39" s="21">
        <v>1487</v>
      </c>
      <c r="X39" s="22">
        <v>64</v>
      </c>
      <c r="Y39" s="20">
        <v>1452</v>
      </c>
      <c r="Z39" s="21">
        <v>1366</v>
      </c>
      <c r="AA39" s="24">
        <v>86</v>
      </c>
      <c r="AB39" s="20">
        <v>1467</v>
      </c>
      <c r="AC39" s="21">
        <v>1382</v>
      </c>
      <c r="AD39" s="22">
        <v>85</v>
      </c>
      <c r="AE39" s="20">
        <v>1502</v>
      </c>
      <c r="AF39" s="21">
        <v>1421</v>
      </c>
      <c r="AG39" s="22">
        <v>81</v>
      </c>
    </row>
    <row r="40" spans="1:33" ht="15" customHeight="1" x14ac:dyDescent="0.2">
      <c r="A40" s="60"/>
      <c r="B40" s="30"/>
      <c r="C40" s="31" t="s">
        <v>29</v>
      </c>
      <c r="D40" s="32"/>
      <c r="E40" s="33"/>
      <c r="F40" s="34"/>
      <c r="G40" s="32"/>
      <c r="H40" s="33"/>
      <c r="I40" s="34"/>
      <c r="J40" s="32"/>
      <c r="K40" s="33"/>
      <c r="L40" s="34"/>
      <c r="M40" s="20">
        <v>140</v>
      </c>
      <c r="N40" s="21">
        <v>134</v>
      </c>
      <c r="O40" s="22">
        <v>6</v>
      </c>
      <c r="P40" s="20">
        <v>272</v>
      </c>
      <c r="Q40" s="21">
        <v>238</v>
      </c>
      <c r="R40" s="22">
        <v>34</v>
      </c>
      <c r="S40" s="23">
        <v>254</v>
      </c>
      <c r="T40" s="21">
        <v>221</v>
      </c>
      <c r="U40" s="22">
        <v>33</v>
      </c>
      <c r="V40" s="20">
        <v>294</v>
      </c>
      <c r="W40" s="21">
        <v>261</v>
      </c>
      <c r="X40" s="22">
        <v>33</v>
      </c>
      <c r="Y40" s="20">
        <v>245</v>
      </c>
      <c r="Z40" s="21">
        <v>218</v>
      </c>
      <c r="AA40" s="24">
        <v>27</v>
      </c>
      <c r="AB40" s="20">
        <v>250</v>
      </c>
      <c r="AC40" s="21">
        <v>216</v>
      </c>
      <c r="AD40" s="22">
        <v>34</v>
      </c>
      <c r="AE40" s="20">
        <v>233</v>
      </c>
      <c r="AF40" s="21">
        <v>210</v>
      </c>
      <c r="AG40" s="22">
        <v>23</v>
      </c>
    </row>
    <row r="41" spans="1:33" ht="15" customHeight="1" x14ac:dyDescent="0.2">
      <c r="A41" s="60"/>
      <c r="B41" s="30"/>
      <c r="C41" s="31" t="s">
        <v>30</v>
      </c>
      <c r="D41" s="32"/>
      <c r="E41" s="33"/>
      <c r="F41" s="34"/>
      <c r="G41" s="32"/>
      <c r="H41" s="33"/>
      <c r="I41" s="34"/>
      <c r="J41" s="32"/>
      <c r="K41" s="33"/>
      <c r="L41" s="34"/>
      <c r="M41" s="20">
        <v>941</v>
      </c>
      <c r="N41" s="21">
        <v>905</v>
      </c>
      <c r="O41" s="22">
        <v>36</v>
      </c>
      <c r="P41" s="20">
        <v>2198</v>
      </c>
      <c r="Q41" s="21">
        <v>1932</v>
      </c>
      <c r="R41" s="22">
        <v>266</v>
      </c>
      <c r="S41" s="23">
        <v>2548</v>
      </c>
      <c r="T41" s="21">
        <v>2280</v>
      </c>
      <c r="U41" s="22">
        <v>268</v>
      </c>
      <c r="V41" s="20">
        <v>2907</v>
      </c>
      <c r="W41" s="21">
        <v>2711</v>
      </c>
      <c r="X41" s="22">
        <v>196</v>
      </c>
      <c r="Y41" s="20">
        <v>2996</v>
      </c>
      <c r="Z41" s="21">
        <v>2797</v>
      </c>
      <c r="AA41" s="24">
        <v>199</v>
      </c>
      <c r="AB41" s="20">
        <v>3013</v>
      </c>
      <c r="AC41" s="21">
        <v>2849</v>
      </c>
      <c r="AD41" s="22">
        <v>164</v>
      </c>
      <c r="AE41" s="20">
        <v>3149</v>
      </c>
      <c r="AF41" s="21">
        <v>2979</v>
      </c>
      <c r="AG41" s="22">
        <v>170</v>
      </c>
    </row>
    <row r="42" spans="1:33" ht="15" customHeight="1" x14ac:dyDescent="0.2">
      <c r="A42" s="60"/>
      <c r="B42" s="30"/>
      <c r="C42" s="31" t="s">
        <v>31</v>
      </c>
      <c r="D42" s="32"/>
      <c r="E42" s="33"/>
      <c r="F42" s="34"/>
      <c r="G42" s="32"/>
      <c r="H42" s="33"/>
      <c r="I42" s="34"/>
      <c r="J42" s="32"/>
      <c r="K42" s="33"/>
      <c r="L42" s="34"/>
      <c r="M42" s="32"/>
      <c r="N42" s="33"/>
      <c r="O42" s="34"/>
      <c r="P42" s="32"/>
      <c r="Q42" s="33"/>
      <c r="R42" s="34"/>
      <c r="S42" s="23">
        <v>204</v>
      </c>
      <c r="T42" s="21">
        <v>177</v>
      </c>
      <c r="U42" s="22">
        <v>27</v>
      </c>
      <c r="V42" s="20">
        <v>286</v>
      </c>
      <c r="W42" s="21">
        <v>230</v>
      </c>
      <c r="X42" s="22">
        <v>56</v>
      </c>
      <c r="Y42" s="20">
        <v>188</v>
      </c>
      <c r="Z42" s="21">
        <v>164</v>
      </c>
      <c r="AA42" s="24">
        <v>24</v>
      </c>
      <c r="AB42" s="20">
        <v>183</v>
      </c>
      <c r="AC42" s="21">
        <v>165</v>
      </c>
      <c r="AD42" s="22">
        <v>18</v>
      </c>
      <c r="AE42" s="20">
        <v>187</v>
      </c>
      <c r="AF42" s="21">
        <v>167</v>
      </c>
      <c r="AG42" s="22">
        <v>20</v>
      </c>
    </row>
    <row r="43" spans="1:33" ht="15" customHeight="1" x14ac:dyDescent="0.2">
      <c r="A43" s="60"/>
      <c r="B43" s="54" t="s">
        <v>32</v>
      </c>
      <c r="C43" s="55"/>
      <c r="D43" s="20">
        <v>22</v>
      </c>
      <c r="E43" s="21">
        <v>21</v>
      </c>
      <c r="F43" s="22">
        <v>1</v>
      </c>
      <c r="G43" s="20">
        <v>48</v>
      </c>
      <c r="H43" s="21">
        <v>47</v>
      </c>
      <c r="I43" s="22">
        <v>1</v>
      </c>
      <c r="J43" s="20">
        <v>172</v>
      </c>
      <c r="K43" s="21">
        <v>171</v>
      </c>
      <c r="L43" s="22">
        <v>1</v>
      </c>
      <c r="M43" s="20">
        <v>231</v>
      </c>
      <c r="N43" s="21">
        <v>231</v>
      </c>
      <c r="O43" s="22">
        <v>0</v>
      </c>
      <c r="P43" s="20">
        <v>466</v>
      </c>
      <c r="Q43" s="21">
        <v>455</v>
      </c>
      <c r="R43" s="22">
        <v>11</v>
      </c>
      <c r="S43" s="23">
        <v>533</v>
      </c>
      <c r="T43" s="21">
        <v>524</v>
      </c>
      <c r="U43" s="22">
        <v>9</v>
      </c>
      <c r="V43" s="20">
        <v>570</v>
      </c>
      <c r="W43" s="21">
        <v>548</v>
      </c>
      <c r="X43" s="22">
        <v>22</v>
      </c>
      <c r="Y43" s="20">
        <v>635</v>
      </c>
      <c r="Z43" s="21">
        <v>614</v>
      </c>
      <c r="AA43" s="24">
        <v>21</v>
      </c>
      <c r="AB43" s="20">
        <v>622</v>
      </c>
      <c r="AC43" s="21">
        <v>599</v>
      </c>
      <c r="AD43" s="22">
        <v>23</v>
      </c>
      <c r="AE43" s="20">
        <v>616</v>
      </c>
      <c r="AF43" s="21">
        <v>597</v>
      </c>
      <c r="AG43" s="22">
        <v>19</v>
      </c>
    </row>
    <row r="44" spans="1:33" ht="15" customHeight="1" x14ac:dyDescent="0.2">
      <c r="A44" s="60"/>
      <c r="B44" s="54" t="s">
        <v>33</v>
      </c>
      <c r="C44" s="55"/>
      <c r="D44" s="20">
        <v>0</v>
      </c>
      <c r="E44" s="21">
        <v>0</v>
      </c>
      <c r="F44" s="22">
        <v>0</v>
      </c>
      <c r="G44" s="20">
        <v>0</v>
      </c>
      <c r="H44" s="21">
        <v>0</v>
      </c>
      <c r="I44" s="22">
        <v>0</v>
      </c>
      <c r="J44" s="20">
        <v>0</v>
      </c>
      <c r="K44" s="21">
        <v>0</v>
      </c>
      <c r="L44" s="22">
        <v>0</v>
      </c>
      <c r="M44" s="20">
        <v>21</v>
      </c>
      <c r="N44" s="21">
        <v>21</v>
      </c>
      <c r="O44" s="22">
        <v>0</v>
      </c>
      <c r="P44" s="20">
        <v>49</v>
      </c>
      <c r="Q44" s="21">
        <v>46</v>
      </c>
      <c r="R44" s="22">
        <v>3</v>
      </c>
      <c r="S44" s="23">
        <v>62</v>
      </c>
      <c r="T44" s="21">
        <v>56</v>
      </c>
      <c r="U44" s="22">
        <v>6</v>
      </c>
      <c r="V44" s="20">
        <v>67</v>
      </c>
      <c r="W44" s="21">
        <v>59</v>
      </c>
      <c r="X44" s="22">
        <v>8</v>
      </c>
      <c r="Y44" s="20">
        <v>78</v>
      </c>
      <c r="Z44" s="21">
        <v>71</v>
      </c>
      <c r="AA44" s="24">
        <v>7</v>
      </c>
      <c r="AB44" s="20">
        <v>78</v>
      </c>
      <c r="AC44" s="21">
        <v>71</v>
      </c>
      <c r="AD44" s="22">
        <v>7</v>
      </c>
      <c r="AE44" s="20">
        <v>81</v>
      </c>
      <c r="AF44" s="21">
        <v>76</v>
      </c>
      <c r="AG44" s="22">
        <v>5</v>
      </c>
    </row>
    <row r="45" spans="1:33" ht="15" customHeight="1" x14ac:dyDescent="0.2">
      <c r="A45" s="60"/>
      <c r="B45" s="54" t="s">
        <v>34</v>
      </c>
      <c r="C45" s="55"/>
      <c r="D45" s="20">
        <v>11</v>
      </c>
      <c r="E45" s="21">
        <v>11</v>
      </c>
      <c r="F45" s="22">
        <v>0</v>
      </c>
      <c r="G45" s="20">
        <v>35</v>
      </c>
      <c r="H45" s="21">
        <v>35</v>
      </c>
      <c r="I45" s="22">
        <v>0</v>
      </c>
      <c r="J45" s="20">
        <v>38</v>
      </c>
      <c r="K45" s="21">
        <v>38</v>
      </c>
      <c r="L45" s="22">
        <v>0</v>
      </c>
      <c r="M45" s="20">
        <v>100</v>
      </c>
      <c r="N45" s="21">
        <v>99</v>
      </c>
      <c r="O45" s="22">
        <v>1</v>
      </c>
      <c r="P45" s="20">
        <v>244</v>
      </c>
      <c r="Q45" s="21">
        <v>230</v>
      </c>
      <c r="R45" s="22">
        <v>14</v>
      </c>
      <c r="S45" s="23">
        <v>260</v>
      </c>
      <c r="T45" s="21">
        <v>250</v>
      </c>
      <c r="U45" s="22">
        <v>10</v>
      </c>
      <c r="V45" s="20">
        <v>319</v>
      </c>
      <c r="W45" s="21">
        <v>292</v>
      </c>
      <c r="X45" s="22">
        <v>27</v>
      </c>
      <c r="Y45" s="20">
        <v>335</v>
      </c>
      <c r="Z45" s="21">
        <v>309</v>
      </c>
      <c r="AA45" s="24">
        <v>26</v>
      </c>
      <c r="AB45" s="20">
        <v>380</v>
      </c>
      <c r="AC45" s="21">
        <v>359</v>
      </c>
      <c r="AD45" s="22">
        <v>21</v>
      </c>
      <c r="AE45" s="20">
        <v>369</v>
      </c>
      <c r="AF45" s="21">
        <v>351</v>
      </c>
      <c r="AG45" s="22">
        <v>18</v>
      </c>
    </row>
    <row r="46" spans="1:33" ht="15" customHeight="1" x14ac:dyDescent="0.2">
      <c r="A46" s="60"/>
      <c r="B46" s="54" t="s">
        <v>35</v>
      </c>
      <c r="C46" s="55"/>
      <c r="D46" s="20">
        <v>0</v>
      </c>
      <c r="E46" s="21">
        <v>0</v>
      </c>
      <c r="F46" s="22">
        <v>0</v>
      </c>
      <c r="G46" s="20">
        <v>0</v>
      </c>
      <c r="H46" s="21">
        <v>0</v>
      </c>
      <c r="I46" s="22">
        <v>0</v>
      </c>
      <c r="J46" s="20">
        <v>0</v>
      </c>
      <c r="K46" s="21">
        <v>0</v>
      </c>
      <c r="L46" s="22">
        <v>0</v>
      </c>
      <c r="M46" s="20">
        <v>6</v>
      </c>
      <c r="N46" s="21">
        <v>6</v>
      </c>
      <c r="O46" s="22">
        <v>0</v>
      </c>
      <c r="P46" s="20">
        <v>21</v>
      </c>
      <c r="Q46" s="21">
        <v>14</v>
      </c>
      <c r="R46" s="22">
        <v>7</v>
      </c>
      <c r="S46" s="23">
        <v>15</v>
      </c>
      <c r="T46" s="21">
        <v>8</v>
      </c>
      <c r="U46" s="22">
        <v>7</v>
      </c>
      <c r="V46" s="20">
        <v>21</v>
      </c>
      <c r="W46" s="21">
        <v>15</v>
      </c>
      <c r="X46" s="22">
        <v>6</v>
      </c>
      <c r="Y46" s="20">
        <v>21</v>
      </c>
      <c r="Z46" s="21">
        <v>15</v>
      </c>
      <c r="AA46" s="24">
        <v>6</v>
      </c>
      <c r="AB46" s="20">
        <v>28</v>
      </c>
      <c r="AC46" s="21">
        <v>18</v>
      </c>
      <c r="AD46" s="22">
        <v>10</v>
      </c>
      <c r="AE46" s="20">
        <v>26</v>
      </c>
      <c r="AF46" s="21">
        <v>16</v>
      </c>
      <c r="AG46" s="22">
        <v>10</v>
      </c>
    </row>
    <row r="47" spans="1:33" ht="15" customHeight="1" x14ac:dyDescent="0.2">
      <c r="A47" s="60"/>
      <c r="B47" s="54" t="s">
        <v>36</v>
      </c>
      <c r="C47" s="55"/>
      <c r="D47" s="20">
        <v>0</v>
      </c>
      <c r="E47" s="21">
        <v>0</v>
      </c>
      <c r="F47" s="22">
        <v>0</v>
      </c>
      <c r="G47" s="20">
        <v>0</v>
      </c>
      <c r="H47" s="21">
        <v>0</v>
      </c>
      <c r="I47" s="22">
        <v>0</v>
      </c>
      <c r="J47" s="20">
        <v>0</v>
      </c>
      <c r="K47" s="21">
        <v>0</v>
      </c>
      <c r="L47" s="22">
        <v>0</v>
      </c>
      <c r="M47" s="20">
        <v>5</v>
      </c>
      <c r="N47" s="21">
        <v>5</v>
      </c>
      <c r="O47" s="22">
        <v>0</v>
      </c>
      <c r="P47" s="20">
        <v>30</v>
      </c>
      <c r="Q47" s="21">
        <v>18</v>
      </c>
      <c r="R47" s="22">
        <v>12</v>
      </c>
      <c r="S47" s="23">
        <v>30</v>
      </c>
      <c r="T47" s="21">
        <v>20</v>
      </c>
      <c r="U47" s="22">
        <v>10</v>
      </c>
      <c r="V47" s="20">
        <v>38</v>
      </c>
      <c r="W47" s="21">
        <v>30</v>
      </c>
      <c r="X47" s="22">
        <v>8</v>
      </c>
      <c r="Y47" s="20">
        <v>46</v>
      </c>
      <c r="Z47" s="21">
        <v>34</v>
      </c>
      <c r="AA47" s="24">
        <v>12</v>
      </c>
      <c r="AB47" s="20">
        <v>43</v>
      </c>
      <c r="AC47" s="21">
        <v>37</v>
      </c>
      <c r="AD47" s="22">
        <v>6</v>
      </c>
      <c r="AE47" s="20">
        <v>48</v>
      </c>
      <c r="AF47" s="21">
        <v>43</v>
      </c>
      <c r="AG47" s="22">
        <v>5</v>
      </c>
    </row>
    <row r="48" spans="1:33" ht="15" customHeight="1" x14ac:dyDescent="0.2">
      <c r="A48" s="60"/>
      <c r="B48" s="54" t="s">
        <v>37</v>
      </c>
      <c r="C48" s="55"/>
      <c r="D48" s="20">
        <v>0</v>
      </c>
      <c r="E48" s="21">
        <v>0</v>
      </c>
      <c r="F48" s="22">
        <v>0</v>
      </c>
      <c r="G48" s="20">
        <v>0</v>
      </c>
      <c r="H48" s="21">
        <v>0</v>
      </c>
      <c r="I48" s="22">
        <v>0</v>
      </c>
      <c r="J48" s="20">
        <v>18</v>
      </c>
      <c r="K48" s="21">
        <v>18</v>
      </c>
      <c r="L48" s="22">
        <v>0</v>
      </c>
      <c r="M48" s="20">
        <v>39</v>
      </c>
      <c r="N48" s="21">
        <v>38</v>
      </c>
      <c r="O48" s="22">
        <v>1</v>
      </c>
      <c r="P48" s="20">
        <v>78</v>
      </c>
      <c r="Q48" s="21">
        <v>67</v>
      </c>
      <c r="R48" s="22">
        <v>11</v>
      </c>
      <c r="S48" s="23">
        <v>84</v>
      </c>
      <c r="T48" s="21">
        <v>70</v>
      </c>
      <c r="U48" s="22">
        <v>14</v>
      </c>
      <c r="V48" s="20">
        <v>94</v>
      </c>
      <c r="W48" s="21">
        <v>83</v>
      </c>
      <c r="X48" s="22">
        <v>11</v>
      </c>
      <c r="Y48" s="20">
        <v>112</v>
      </c>
      <c r="Z48" s="21">
        <v>99</v>
      </c>
      <c r="AA48" s="24">
        <v>13</v>
      </c>
      <c r="AB48" s="20">
        <v>84</v>
      </c>
      <c r="AC48" s="21">
        <v>77</v>
      </c>
      <c r="AD48" s="22">
        <v>7</v>
      </c>
      <c r="AE48" s="20">
        <v>103</v>
      </c>
      <c r="AF48" s="21">
        <v>96</v>
      </c>
      <c r="AG48" s="22">
        <v>7</v>
      </c>
    </row>
    <row r="49" spans="1:33" ht="15" customHeight="1" x14ac:dyDescent="0.2">
      <c r="A49" s="60"/>
      <c r="B49" s="54" t="s">
        <v>38</v>
      </c>
      <c r="C49" s="55"/>
      <c r="D49" s="20">
        <v>16</v>
      </c>
      <c r="E49" s="21">
        <v>14</v>
      </c>
      <c r="F49" s="22">
        <v>2</v>
      </c>
      <c r="G49" s="20">
        <v>23</v>
      </c>
      <c r="H49" s="21">
        <v>19</v>
      </c>
      <c r="I49" s="22">
        <v>4</v>
      </c>
      <c r="J49" s="20">
        <v>70</v>
      </c>
      <c r="K49" s="21">
        <v>37</v>
      </c>
      <c r="L49" s="22">
        <v>33</v>
      </c>
      <c r="M49" s="20">
        <v>100</v>
      </c>
      <c r="N49" s="21">
        <v>69</v>
      </c>
      <c r="O49" s="22">
        <v>31</v>
      </c>
      <c r="P49" s="20">
        <v>255</v>
      </c>
      <c r="Q49" s="21">
        <v>221</v>
      </c>
      <c r="R49" s="22">
        <v>34</v>
      </c>
      <c r="S49" s="23">
        <v>267</v>
      </c>
      <c r="T49" s="21">
        <v>229</v>
      </c>
      <c r="U49" s="22">
        <v>38</v>
      </c>
      <c r="V49" s="20">
        <v>362</v>
      </c>
      <c r="W49" s="21">
        <v>314</v>
      </c>
      <c r="X49" s="22">
        <v>48</v>
      </c>
      <c r="Y49" s="20">
        <v>373</v>
      </c>
      <c r="Z49" s="21">
        <v>311</v>
      </c>
      <c r="AA49" s="24">
        <v>62</v>
      </c>
      <c r="AB49" s="20">
        <v>367</v>
      </c>
      <c r="AC49" s="21">
        <v>311</v>
      </c>
      <c r="AD49" s="22">
        <v>56</v>
      </c>
      <c r="AE49" s="20">
        <v>357</v>
      </c>
      <c r="AF49" s="21">
        <v>320</v>
      </c>
      <c r="AG49" s="22">
        <v>37</v>
      </c>
    </row>
    <row r="50" spans="1:33" ht="15" hidden="1" customHeight="1" x14ac:dyDescent="0.2">
      <c r="A50" s="60"/>
      <c r="B50" s="54" t="s">
        <v>39</v>
      </c>
      <c r="C50" s="55"/>
      <c r="D50" s="20">
        <v>923</v>
      </c>
      <c r="E50" s="21">
        <v>911</v>
      </c>
      <c r="F50" s="22">
        <v>12</v>
      </c>
      <c r="G50" s="20">
        <v>2436</v>
      </c>
      <c r="H50" s="21">
        <v>1876</v>
      </c>
      <c r="I50" s="22">
        <v>560</v>
      </c>
      <c r="J50" s="20">
        <v>4880</v>
      </c>
      <c r="K50" s="21">
        <v>3425</v>
      </c>
      <c r="L50" s="22">
        <v>1455</v>
      </c>
      <c r="M50" s="20">
        <v>8541</v>
      </c>
      <c r="N50" s="21">
        <v>6770</v>
      </c>
      <c r="O50" s="22">
        <v>1771</v>
      </c>
      <c r="P50" s="20">
        <v>13718</v>
      </c>
      <c r="Q50" s="21">
        <v>11714</v>
      </c>
      <c r="R50" s="22">
        <v>2004</v>
      </c>
      <c r="S50" s="23">
        <v>14874</v>
      </c>
      <c r="T50" s="21">
        <v>13016</v>
      </c>
      <c r="U50" s="22">
        <v>1858</v>
      </c>
      <c r="V50" s="20">
        <v>16643</v>
      </c>
      <c r="W50" s="21">
        <v>14885</v>
      </c>
      <c r="X50" s="22">
        <v>1758</v>
      </c>
      <c r="Y50" s="20">
        <v>16263</v>
      </c>
      <c r="Z50" s="21">
        <v>14524</v>
      </c>
      <c r="AA50" s="24">
        <v>1739</v>
      </c>
      <c r="AB50" s="20">
        <v>16435</v>
      </c>
      <c r="AC50" s="21">
        <v>14740</v>
      </c>
      <c r="AD50" s="22">
        <v>1695</v>
      </c>
      <c r="AE50" s="20"/>
      <c r="AF50" s="21"/>
      <c r="AG50" s="22"/>
    </row>
    <row r="51" spans="1:33" ht="15" customHeight="1" x14ac:dyDescent="0.2">
      <c r="A51" s="60"/>
      <c r="B51" s="54" t="s">
        <v>40</v>
      </c>
      <c r="C51" s="55"/>
      <c r="D51" s="20">
        <v>120</v>
      </c>
      <c r="E51" s="21">
        <v>120</v>
      </c>
      <c r="F51" s="22">
        <v>0</v>
      </c>
      <c r="G51" s="20">
        <v>156</v>
      </c>
      <c r="H51" s="21">
        <v>132</v>
      </c>
      <c r="I51" s="21">
        <v>24</v>
      </c>
      <c r="J51" s="20">
        <v>182</v>
      </c>
      <c r="K51" s="21">
        <v>131</v>
      </c>
      <c r="L51" s="22">
        <v>51</v>
      </c>
      <c r="M51" s="20">
        <v>261</v>
      </c>
      <c r="N51" s="21">
        <v>189</v>
      </c>
      <c r="O51" s="21">
        <v>72</v>
      </c>
      <c r="P51" s="20">
        <v>319</v>
      </c>
      <c r="Q51" s="21">
        <v>280</v>
      </c>
      <c r="R51" s="22">
        <v>39</v>
      </c>
      <c r="S51" s="23">
        <v>306</v>
      </c>
      <c r="T51" s="21">
        <v>264</v>
      </c>
      <c r="U51" s="22">
        <v>42</v>
      </c>
      <c r="V51" s="20">
        <v>222</v>
      </c>
      <c r="W51" s="21">
        <v>207</v>
      </c>
      <c r="X51" s="22">
        <v>15</v>
      </c>
      <c r="Y51" s="20">
        <v>216</v>
      </c>
      <c r="Z51" s="21">
        <v>195</v>
      </c>
      <c r="AA51" s="24">
        <v>21</v>
      </c>
      <c r="AB51" s="20">
        <v>205</v>
      </c>
      <c r="AC51" s="21">
        <v>171</v>
      </c>
      <c r="AD51" s="22">
        <v>34</v>
      </c>
      <c r="AE51" s="20">
        <v>472</v>
      </c>
      <c r="AF51" s="21">
        <v>413</v>
      </c>
      <c r="AG51" s="22">
        <v>59</v>
      </c>
    </row>
    <row r="52" spans="1:33" ht="15" customHeight="1" x14ac:dyDescent="0.2">
      <c r="A52" s="60"/>
      <c r="B52" s="56" t="s">
        <v>41</v>
      </c>
      <c r="C52" s="57"/>
      <c r="D52" s="25">
        <v>2</v>
      </c>
      <c r="E52" s="26">
        <v>2</v>
      </c>
      <c r="F52" s="27">
        <v>0</v>
      </c>
      <c r="G52" s="25">
        <v>5</v>
      </c>
      <c r="H52" s="26">
        <v>5</v>
      </c>
      <c r="I52" s="27">
        <v>0</v>
      </c>
      <c r="J52" s="25">
        <v>13</v>
      </c>
      <c r="K52" s="26">
        <v>13</v>
      </c>
      <c r="L52" s="27">
        <v>0</v>
      </c>
      <c r="M52" s="25">
        <v>8</v>
      </c>
      <c r="N52" s="26">
        <v>8</v>
      </c>
      <c r="O52" s="29">
        <v>0</v>
      </c>
      <c r="P52" s="25">
        <v>13</v>
      </c>
      <c r="Q52" s="26">
        <v>13</v>
      </c>
      <c r="R52" s="27">
        <v>0</v>
      </c>
      <c r="S52" s="28">
        <v>7</v>
      </c>
      <c r="T52" s="26">
        <v>7</v>
      </c>
      <c r="U52" s="27">
        <v>0</v>
      </c>
      <c r="V52" s="25">
        <v>24</v>
      </c>
      <c r="W52" s="26">
        <v>22</v>
      </c>
      <c r="X52" s="27">
        <v>2</v>
      </c>
      <c r="Y52" s="25">
        <v>18</v>
      </c>
      <c r="Z52" s="26">
        <v>17</v>
      </c>
      <c r="AA52" s="29">
        <v>1</v>
      </c>
      <c r="AB52" s="25">
        <v>69</v>
      </c>
      <c r="AC52" s="26">
        <v>66</v>
      </c>
      <c r="AD52" s="27">
        <v>3</v>
      </c>
      <c r="AE52" s="25">
        <v>32</v>
      </c>
      <c r="AF52" s="26">
        <v>30</v>
      </c>
      <c r="AG52" s="27">
        <v>2</v>
      </c>
    </row>
  </sheetData>
  <mergeCells count="41">
    <mergeCell ref="B47:C47"/>
    <mergeCell ref="B48:C48"/>
    <mergeCell ref="B49:C49"/>
    <mergeCell ref="B50:C50"/>
    <mergeCell ref="B51:C51"/>
    <mergeCell ref="B52:C52"/>
    <mergeCell ref="B28:C28"/>
    <mergeCell ref="B29:C29"/>
    <mergeCell ref="B30:C30"/>
    <mergeCell ref="A31:A52"/>
    <mergeCell ref="B31:C31"/>
    <mergeCell ref="B32:C32"/>
    <mergeCell ref="B43:C43"/>
    <mergeCell ref="B44:C44"/>
    <mergeCell ref="B45:C45"/>
    <mergeCell ref="B46:C46"/>
    <mergeCell ref="A9:A30"/>
    <mergeCell ref="B9:C9"/>
    <mergeCell ref="B10:C10"/>
    <mergeCell ref="B21:C21"/>
    <mergeCell ref="B22:C22"/>
    <mergeCell ref="B23:C23"/>
    <mergeCell ref="B24:C24"/>
    <mergeCell ref="B25:C25"/>
    <mergeCell ref="B26:C26"/>
    <mergeCell ref="B27:C27"/>
    <mergeCell ref="D4:F4"/>
    <mergeCell ref="G4:I4"/>
    <mergeCell ref="J4:L4"/>
    <mergeCell ref="M4:O4"/>
    <mergeCell ref="P4:R4"/>
    <mergeCell ref="A6:A8"/>
    <mergeCell ref="B6:C6"/>
    <mergeCell ref="B7:C7"/>
    <mergeCell ref="B8:C8"/>
    <mergeCell ref="A4:C5"/>
    <mergeCell ref="AE4:AG4"/>
    <mergeCell ref="S4:U4"/>
    <mergeCell ref="V4:X4"/>
    <mergeCell ref="Y4:AA4"/>
    <mergeCell ref="AB4:AD4"/>
  </mergeCells>
  <phoneticPr fontId="2"/>
  <printOptions horizontalCentered="1"/>
  <pageMargins left="0.78740157480314965" right="0.39370078740157483" top="0.98425196850393704" bottom="0.98425196850393704" header="0.51181102362204722" footer="0.51181102362204722"/>
  <pageSetup paperSize="9" orientation="portrait" horizontalDpi="300" verticalDpi="300" r:id="rId1"/>
  <headerFooter alignWithMargins="0">
    <oddHeader>&amp;L&amp;14 １２．１５歳以上就業者及び通学者の移動状況&amp;R資料：国勢調査
(単位：人）</oddHeader>
  </headerFooter>
  <colBreaks count="3" manualBreakCount="3">
    <brk id="12" max="51" man="1"/>
    <brk id="21" max="51" man="1"/>
    <brk id="30" max="5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2．１５歳以上就業者及び通学者の異動状況</vt:lpstr>
      <vt:lpstr>'12．１５歳以上就業者及び通学者の異動状況'!Print_Area</vt:lpstr>
      <vt:lpstr>'12．１５歳以上就業者及び通学者の異動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2-02-09T21:57:17Z</cp:lastPrinted>
  <dcterms:created xsi:type="dcterms:W3CDTF">2017-12-10T23:59:09Z</dcterms:created>
  <dcterms:modified xsi:type="dcterms:W3CDTF">2023-01-13T07:42:47Z</dcterms:modified>
</cp:coreProperties>
</file>